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7年度\06_完成版（起案用）\02_財政編\"/>
    </mc:Choice>
  </mc:AlternateContent>
  <xr:revisionPtr revIDLastSave="0" documentId="13_ncr:1_{46A66B36-C10D-4609-902B-8399FC3A11D7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13-1" sheetId="1" r:id="rId1"/>
    <sheet name="13-2" sheetId="2" r:id="rId2"/>
  </sheets>
  <externalReferences>
    <externalReference r:id="rId3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3-1'!$A$1:$P$39</definedName>
    <definedName name="_xlnm.Print_Area" localSheetId="1">'13-2'!$A$1:$AM$39</definedName>
    <definedName name="_xlnm.Print_Titles" localSheetId="0">'13-1'!$A:$A</definedName>
    <definedName name="_xlnm.Print_Titles" localSheetId="1">'13-2'!$A:$A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49" uniqueCount="87">
  <si>
    <t>農林</t>
    <rPh sb="0" eb="2">
      <t>ノウリン</t>
    </rPh>
    <phoneticPr fontId="1"/>
  </si>
  <si>
    <t>前年度</t>
    <rPh sb="0" eb="3">
      <t>ゼンネンド</t>
    </rPh>
    <phoneticPr fontId="2"/>
  </si>
  <si>
    <t>議会費</t>
    <rPh sb="0" eb="2">
      <t>ギカイ</t>
    </rPh>
    <rPh sb="2" eb="3">
      <t>ヒ</t>
    </rPh>
    <phoneticPr fontId="2"/>
  </si>
  <si>
    <t>総務費</t>
    <rPh sb="0" eb="3">
      <t>ソウムヒ</t>
    </rPh>
    <phoneticPr fontId="2"/>
  </si>
  <si>
    <t>民生費</t>
    <rPh sb="0" eb="3">
      <t>ミンセイヒ</t>
    </rPh>
    <phoneticPr fontId="2"/>
  </si>
  <si>
    <t>衛生費</t>
    <rPh sb="0" eb="3">
      <t>エイセイヒ</t>
    </rPh>
    <phoneticPr fontId="2"/>
  </si>
  <si>
    <t>労働費</t>
  </si>
  <si>
    <t>商工費</t>
  </si>
  <si>
    <t>土木費</t>
    <rPh sb="0" eb="3">
      <t>ドボクヒ</t>
    </rPh>
    <phoneticPr fontId="2"/>
  </si>
  <si>
    <t>消防費</t>
    <rPh sb="0" eb="3">
      <t>ショウボウヒ</t>
    </rPh>
    <phoneticPr fontId="0"/>
  </si>
  <si>
    <t>教育費</t>
    <rPh sb="0" eb="3">
      <t>キョウイクヒ</t>
    </rPh>
    <phoneticPr fontId="2"/>
  </si>
  <si>
    <t>災害復旧費</t>
    <rPh sb="0" eb="2">
      <t>サイガイ</t>
    </rPh>
    <rPh sb="2" eb="4">
      <t>フッキュウ</t>
    </rPh>
    <rPh sb="4" eb="5">
      <t>ヒ</t>
    </rPh>
    <phoneticPr fontId="2"/>
  </si>
  <si>
    <t>公債費</t>
    <rPh sb="0" eb="3">
      <t>コウサイヒ</t>
    </rPh>
    <phoneticPr fontId="2"/>
  </si>
  <si>
    <t>諸支出金</t>
    <rPh sb="0" eb="3">
      <t>ショシシュツ</t>
    </rPh>
    <rPh sb="3" eb="4">
      <t>キン</t>
    </rPh>
    <phoneticPr fontId="2"/>
  </si>
  <si>
    <t>繰上充用金</t>
  </si>
  <si>
    <t>歳出合計</t>
    <rPh sb="0" eb="2">
      <t>サイシュツ</t>
    </rPh>
    <rPh sb="2" eb="4">
      <t>ゴウケイ</t>
    </rPh>
    <phoneticPr fontId="2"/>
  </si>
  <si>
    <t>左の内訳</t>
    <rPh sb="0" eb="1">
      <t>ヒダリ</t>
    </rPh>
    <rPh sb="2" eb="4">
      <t>ウチワケ</t>
    </rPh>
    <phoneticPr fontId="1"/>
  </si>
  <si>
    <t>普通建設</t>
    <rPh sb="0" eb="2">
      <t>フツウ</t>
    </rPh>
    <rPh sb="2" eb="4">
      <t>ケンセツ</t>
    </rPh>
    <phoneticPr fontId="3"/>
  </si>
  <si>
    <t>同級他団体</t>
    <rPh sb="0" eb="2">
      <t>ドウキュウ</t>
    </rPh>
    <rPh sb="2" eb="5">
      <t>タダンタイ</t>
    </rPh>
    <phoneticPr fontId="3"/>
  </si>
  <si>
    <t>災害復旧</t>
    <rPh sb="0" eb="2">
      <t>サイガイ</t>
    </rPh>
    <rPh sb="2" eb="4">
      <t>フッキュウ</t>
    </rPh>
    <phoneticPr fontId="3"/>
  </si>
  <si>
    <t>失業対策</t>
    <rPh sb="0" eb="2">
      <t>シツギョウ</t>
    </rPh>
    <rPh sb="2" eb="4">
      <t>タイサク</t>
    </rPh>
    <phoneticPr fontId="3"/>
  </si>
  <si>
    <t>投資及び</t>
    <rPh sb="0" eb="2">
      <t>トウシ</t>
    </rPh>
    <phoneticPr fontId="3"/>
  </si>
  <si>
    <t>前年度</t>
    <rPh sb="0" eb="3">
      <t>ゼンネンド</t>
    </rPh>
    <phoneticPr fontId="3"/>
  </si>
  <si>
    <t>人件費</t>
    <rPh sb="0" eb="3">
      <t>ジンケンヒ</t>
    </rPh>
    <phoneticPr fontId="3"/>
  </si>
  <si>
    <t>左のうち</t>
    <rPh sb="0" eb="1">
      <t>ヒダリ</t>
    </rPh>
    <phoneticPr fontId="1"/>
  </si>
  <si>
    <t>物件費</t>
    <rPh sb="0" eb="2">
      <t>ブッケン</t>
    </rPh>
    <rPh sb="2" eb="3">
      <t>ヒ</t>
    </rPh>
    <phoneticPr fontId="3"/>
  </si>
  <si>
    <t>維持補修費</t>
    <rPh sb="0" eb="2">
      <t>イジ</t>
    </rPh>
    <rPh sb="2" eb="5">
      <t>ホシュウヒ</t>
    </rPh>
    <phoneticPr fontId="3"/>
  </si>
  <si>
    <t>扶助費</t>
    <rPh sb="0" eb="2">
      <t>フジョ</t>
    </rPh>
    <rPh sb="2" eb="3">
      <t>ヒ</t>
    </rPh>
    <phoneticPr fontId="3"/>
  </si>
  <si>
    <t>補助費等</t>
    <rPh sb="0" eb="3">
      <t>ホジョヒ</t>
    </rPh>
    <rPh sb="3" eb="4">
      <t>トウ</t>
    </rPh>
    <phoneticPr fontId="3"/>
  </si>
  <si>
    <t>国に</t>
    <rPh sb="0" eb="1">
      <t>クニ</t>
    </rPh>
    <phoneticPr fontId="3"/>
  </si>
  <si>
    <t>都道府県に</t>
    <rPh sb="0" eb="2">
      <t>トドウ</t>
    </rPh>
    <rPh sb="2" eb="3">
      <t>フ</t>
    </rPh>
    <rPh sb="3" eb="4">
      <t>ケン</t>
    </rPh>
    <phoneticPr fontId="3"/>
  </si>
  <si>
    <t>一部事務組合に</t>
    <rPh sb="0" eb="2">
      <t>イチブ</t>
    </rPh>
    <rPh sb="2" eb="4">
      <t>ジム</t>
    </rPh>
    <rPh sb="4" eb="6">
      <t>クミアイ</t>
    </rPh>
    <phoneticPr fontId="3"/>
  </si>
  <si>
    <t>その他に</t>
    <rPh sb="0" eb="3">
      <t>ソノタ</t>
    </rPh>
    <phoneticPr fontId="3"/>
  </si>
  <si>
    <t>事業費</t>
  </si>
  <si>
    <t>補助事業費</t>
    <rPh sb="0" eb="2">
      <t>ホジョ</t>
    </rPh>
    <rPh sb="2" eb="5">
      <t>ジギョウヒ</t>
    </rPh>
    <phoneticPr fontId="3"/>
  </si>
  <si>
    <t>単独事業費</t>
    <rPh sb="0" eb="2">
      <t>タンドク</t>
    </rPh>
    <rPh sb="2" eb="5">
      <t>ジギョウヒ</t>
    </rPh>
    <phoneticPr fontId="3"/>
  </si>
  <si>
    <t>国直轄事業</t>
    <rPh sb="0" eb="1">
      <t>クニ</t>
    </rPh>
    <rPh sb="1" eb="3">
      <t>チョッカツ</t>
    </rPh>
    <rPh sb="3" eb="5">
      <t>ジギョウ</t>
    </rPh>
    <phoneticPr fontId="3"/>
  </si>
  <si>
    <t>県営事業</t>
    <rPh sb="0" eb="2">
      <t>ケンエイ</t>
    </rPh>
    <rPh sb="2" eb="4">
      <t>ジギョウ</t>
    </rPh>
    <phoneticPr fontId="3"/>
  </si>
  <si>
    <t>施行事業</t>
  </si>
  <si>
    <t>受託事業費</t>
    <rPh sb="0" eb="2">
      <t>ジュタク</t>
    </rPh>
    <rPh sb="2" eb="5">
      <t>ジギョウヒ</t>
    </rPh>
    <phoneticPr fontId="3"/>
  </si>
  <si>
    <t>公債費</t>
    <rPh sb="0" eb="3">
      <t>コウサイヒ</t>
    </rPh>
    <phoneticPr fontId="3"/>
  </si>
  <si>
    <t>積立金</t>
    <rPh sb="0" eb="3">
      <t>ツミタテキン</t>
    </rPh>
    <phoneticPr fontId="3"/>
  </si>
  <si>
    <t>貸付金</t>
    <rPh sb="0" eb="3">
      <t>カシツケキン</t>
    </rPh>
    <phoneticPr fontId="3"/>
  </si>
  <si>
    <t>繰出金</t>
    <rPh sb="0" eb="2">
      <t>クリダシ</t>
    </rPh>
    <rPh sb="2" eb="3">
      <t>キン</t>
    </rPh>
    <phoneticPr fontId="3"/>
  </si>
  <si>
    <t>歳出合計</t>
    <rPh sb="0" eb="2">
      <t>サイシュツ</t>
    </rPh>
    <rPh sb="2" eb="4">
      <t>ゴウケイ</t>
    </rPh>
    <phoneticPr fontId="3"/>
  </si>
  <si>
    <t>退職金</t>
    <rPh sb="0" eb="3">
      <t>タイショクキン</t>
    </rPh>
    <phoneticPr fontId="1"/>
  </si>
  <si>
    <t>対するもの</t>
  </si>
  <si>
    <t>負担金</t>
  </si>
  <si>
    <t>左の内訳</t>
    <phoneticPr fontId="1"/>
  </si>
  <si>
    <t>同級他団体に</t>
    <rPh sb="0" eb="2">
      <t>ドウキュウ</t>
    </rPh>
    <rPh sb="2" eb="5">
      <t>タダンタイ</t>
    </rPh>
    <phoneticPr fontId="3"/>
  </si>
  <si>
    <t>出資金</t>
    <phoneticPr fontId="1"/>
  </si>
  <si>
    <t>負担金</t>
    <phoneticPr fontId="1"/>
  </si>
  <si>
    <t>水産業費</t>
    <phoneticPr fontId="1"/>
  </si>
  <si>
    <t>横浜市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▲ &quot;#,##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4" fillId="0" borderId="1" xfId="0" applyNumberFormat="1" applyFont="1" applyBorder="1" applyAlignment="1">
      <alignment horizontal="center" vertical="center" shrinkToFit="1"/>
    </xf>
    <xf numFmtId="0" fontId="4" fillId="0" borderId="2" xfId="0" applyNumberFormat="1" applyFont="1" applyBorder="1" applyAlignment="1">
      <alignment horizontal="center" vertical="center" shrinkToFit="1"/>
    </xf>
    <xf numFmtId="0" fontId="4" fillId="0" borderId="3" xfId="0" applyNumberFormat="1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2" borderId="7" xfId="0" applyFont="1" applyFill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 shrinkToFit="1"/>
    </xf>
    <xf numFmtId="0" fontId="4" fillId="0" borderId="0" xfId="0" applyNumberFormat="1" applyFont="1" applyBorder="1" applyAlignment="1">
      <alignment horizontal="center" vertical="center" shrinkToFit="1"/>
    </xf>
    <xf numFmtId="176" fontId="4" fillId="0" borderId="0" xfId="0" applyNumberFormat="1" applyFont="1" applyBorder="1" applyAlignment="1">
      <alignment vertical="center" shrinkToFit="1"/>
    </xf>
    <xf numFmtId="0" fontId="4" fillId="0" borderId="8" xfId="0" applyNumberFormat="1" applyFont="1" applyBorder="1" applyAlignment="1">
      <alignment horizontal="center" vertical="center" shrinkToFit="1"/>
    </xf>
    <xf numFmtId="0" fontId="4" fillId="0" borderId="9" xfId="0" applyNumberFormat="1" applyFont="1" applyBorder="1" applyAlignment="1">
      <alignment horizontal="center" vertical="center" shrinkToFit="1"/>
    </xf>
    <xf numFmtId="0" fontId="4" fillId="0" borderId="7" xfId="0" applyNumberFormat="1" applyFont="1" applyBorder="1" applyAlignment="1">
      <alignment horizontal="centerContinuous" vertical="center" shrinkToFit="1"/>
    </xf>
    <xf numFmtId="0" fontId="4" fillId="0" borderId="3" xfId="0" applyNumberFormat="1" applyFont="1" applyBorder="1" applyAlignment="1">
      <alignment horizontal="centerContinuous" vertical="center" shrinkToFit="1"/>
    </xf>
    <xf numFmtId="176" fontId="4" fillId="0" borderId="4" xfId="0" applyNumberFormat="1" applyFont="1" applyBorder="1" applyAlignment="1">
      <alignment vertical="center" shrinkToFit="1"/>
    </xf>
    <xf numFmtId="176" fontId="4" fillId="0" borderId="5" xfId="0" applyNumberFormat="1" applyFont="1" applyBorder="1" applyAlignment="1">
      <alignment vertical="center" shrinkToFit="1"/>
    </xf>
    <xf numFmtId="176" fontId="4" fillId="0" borderId="6" xfId="0" applyNumberFormat="1" applyFont="1" applyBorder="1" applyAlignment="1">
      <alignment vertical="center" shrinkToFit="1"/>
    </xf>
    <xf numFmtId="176" fontId="4" fillId="2" borderId="7" xfId="0" applyNumberFormat="1" applyFont="1" applyFill="1" applyBorder="1" applyAlignment="1">
      <alignment vertical="center" shrinkToFit="1"/>
    </xf>
    <xf numFmtId="0" fontId="4" fillId="0" borderId="10" xfId="0" applyFont="1" applyBorder="1" applyAlignment="1">
      <alignment horizontal="center" vertical="center"/>
    </xf>
    <xf numFmtId="176" fontId="4" fillId="0" borderId="10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P39"/>
  <sheetViews>
    <sheetView tabSelected="1" view="pageBreakPreview" zoomScaleNormal="100" zoomScaleSheetLayoutView="100" workbookViewId="0"/>
  </sheetViews>
  <sheetFormatPr defaultColWidth="9.19921875" defaultRowHeight="10.8"/>
  <cols>
    <col min="1" max="1" width="14.09765625" style="8" customWidth="1"/>
    <col min="2" max="3" width="9.19921875" style="8" customWidth="1"/>
    <col min="4" max="16384" width="9.19921875" style="9"/>
  </cols>
  <sheetData>
    <row r="1" spans="1:16" s="10" customFormat="1" ht="17.25" customHeight="1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</row>
    <row r="2" spans="1:16" s="10" customFormat="1" ht="17.25" customHeight="1">
      <c r="A2" s="2"/>
      <c r="B2" s="2"/>
      <c r="C2" s="2"/>
      <c r="D2" s="2"/>
      <c r="E2" s="2"/>
      <c r="F2" s="2"/>
      <c r="G2" s="2" t="s">
        <v>0</v>
      </c>
      <c r="H2" s="2"/>
      <c r="I2" s="2"/>
      <c r="J2" s="2"/>
      <c r="K2" s="2"/>
      <c r="L2" s="2"/>
      <c r="M2" s="2"/>
      <c r="N2" s="2"/>
      <c r="O2" s="2" t="s">
        <v>1</v>
      </c>
      <c r="P2" s="2"/>
    </row>
    <row r="3" spans="1:16" s="10" customFormat="1" ht="17.25" customHeight="1">
      <c r="A3" s="2"/>
      <c r="B3" s="2" t="s">
        <v>2</v>
      </c>
      <c r="C3" s="2" t="s">
        <v>3</v>
      </c>
      <c r="D3" s="2" t="s">
        <v>4</v>
      </c>
      <c r="E3" s="2" t="s">
        <v>5</v>
      </c>
      <c r="F3" s="2" t="s">
        <v>6</v>
      </c>
      <c r="G3" s="2" t="s">
        <v>52</v>
      </c>
      <c r="H3" s="2" t="s">
        <v>7</v>
      </c>
      <c r="I3" s="2" t="s">
        <v>8</v>
      </c>
      <c r="J3" s="2" t="s">
        <v>9</v>
      </c>
      <c r="K3" s="2" t="s">
        <v>10</v>
      </c>
      <c r="L3" s="2" t="s">
        <v>11</v>
      </c>
      <c r="M3" s="2" t="s">
        <v>12</v>
      </c>
      <c r="N3" s="2" t="s">
        <v>13</v>
      </c>
      <c r="O3" s="2" t="s">
        <v>14</v>
      </c>
      <c r="P3" s="2" t="s">
        <v>15</v>
      </c>
    </row>
    <row r="4" spans="1:16" s="10" customFormat="1" ht="17.25" customHeight="1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1:16" s="10" customFormat="1" ht="17.25" customHeight="1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</row>
    <row r="6" spans="1:16" ht="17.25" customHeight="1">
      <c r="A6" s="4" t="s">
        <v>53</v>
      </c>
      <c r="B6" s="16">
        <v>3115473</v>
      </c>
      <c r="C6" s="16">
        <v>116548755</v>
      </c>
      <c r="D6" s="16">
        <v>834752957</v>
      </c>
      <c r="E6" s="16">
        <v>128260373</v>
      </c>
      <c r="F6" s="16">
        <v>1295830</v>
      </c>
      <c r="G6" s="16">
        <v>1904222</v>
      </c>
      <c r="H6" s="16">
        <v>92606142</v>
      </c>
      <c r="I6" s="16">
        <v>236206539</v>
      </c>
      <c r="J6" s="16">
        <v>45043394</v>
      </c>
      <c r="K6" s="16">
        <v>355259670</v>
      </c>
      <c r="L6" s="16">
        <v>0</v>
      </c>
      <c r="M6" s="16">
        <v>196244448</v>
      </c>
      <c r="N6" s="16">
        <v>14525026</v>
      </c>
      <c r="O6" s="16">
        <v>0</v>
      </c>
      <c r="P6" s="16">
        <v>2025762829</v>
      </c>
    </row>
    <row r="7" spans="1:16" s="11" customFormat="1" ht="17.25" customHeight="1">
      <c r="A7" s="5" t="s">
        <v>54</v>
      </c>
      <c r="B7" s="17">
        <v>1842602</v>
      </c>
      <c r="C7" s="17">
        <v>56133829</v>
      </c>
      <c r="D7" s="17">
        <v>326100635</v>
      </c>
      <c r="E7" s="17">
        <v>74062842</v>
      </c>
      <c r="F7" s="17">
        <v>668844</v>
      </c>
      <c r="G7" s="17">
        <v>456688</v>
      </c>
      <c r="H7" s="17">
        <v>25263435</v>
      </c>
      <c r="I7" s="17">
        <v>77255087</v>
      </c>
      <c r="J7" s="17">
        <v>18870401</v>
      </c>
      <c r="K7" s="17">
        <v>154318721</v>
      </c>
      <c r="L7" s="17">
        <v>0</v>
      </c>
      <c r="M7" s="17">
        <v>75675296</v>
      </c>
      <c r="N7" s="17">
        <v>1196739</v>
      </c>
      <c r="O7" s="17">
        <v>0</v>
      </c>
      <c r="P7" s="17">
        <v>811845119</v>
      </c>
    </row>
    <row r="8" spans="1:16" ht="17.25" customHeight="1">
      <c r="A8" s="20" t="s">
        <v>55</v>
      </c>
      <c r="B8" s="21">
        <v>971493</v>
      </c>
      <c r="C8" s="21">
        <v>29173026</v>
      </c>
      <c r="D8" s="21">
        <v>154322741</v>
      </c>
      <c r="E8" s="21">
        <v>27934891</v>
      </c>
      <c r="F8" s="21">
        <v>392985</v>
      </c>
      <c r="G8" s="21">
        <v>808359</v>
      </c>
      <c r="H8" s="21">
        <v>12124523</v>
      </c>
      <c r="I8" s="21">
        <v>28599815</v>
      </c>
      <c r="J8" s="21">
        <v>9745336</v>
      </c>
      <c r="K8" s="21">
        <v>60208884</v>
      </c>
      <c r="L8" s="21">
        <v>143242</v>
      </c>
      <c r="M8" s="21">
        <v>27846495</v>
      </c>
      <c r="N8" s="21">
        <v>0</v>
      </c>
      <c r="O8" s="21">
        <v>0</v>
      </c>
      <c r="P8" s="17">
        <v>352271790</v>
      </c>
    </row>
    <row r="9" spans="1:16" ht="17.25" customHeight="1">
      <c r="A9" s="5" t="s">
        <v>56</v>
      </c>
      <c r="B9" s="17">
        <v>760467</v>
      </c>
      <c r="C9" s="17">
        <v>18561743</v>
      </c>
      <c r="D9" s="17">
        <v>72335794</v>
      </c>
      <c r="E9" s="17">
        <v>14071926</v>
      </c>
      <c r="F9" s="17">
        <v>324982</v>
      </c>
      <c r="G9" s="17">
        <v>1090600</v>
      </c>
      <c r="H9" s="17">
        <v>3074590</v>
      </c>
      <c r="I9" s="17">
        <v>17690789</v>
      </c>
      <c r="J9" s="17">
        <v>6382459</v>
      </c>
      <c r="K9" s="17">
        <v>19548043</v>
      </c>
      <c r="L9" s="17">
        <v>72509</v>
      </c>
      <c r="M9" s="17">
        <v>17401710</v>
      </c>
      <c r="N9" s="17">
        <v>0</v>
      </c>
      <c r="O9" s="17">
        <v>0</v>
      </c>
      <c r="P9" s="17">
        <v>171315612</v>
      </c>
    </row>
    <row r="10" spans="1:16" s="11" customFormat="1" ht="17.25" customHeight="1">
      <c r="A10" s="5" t="s">
        <v>57</v>
      </c>
      <c r="B10" s="17">
        <v>444320</v>
      </c>
      <c r="C10" s="17">
        <v>8685395</v>
      </c>
      <c r="D10" s="17">
        <v>48016288</v>
      </c>
      <c r="E10" s="17">
        <v>9336728</v>
      </c>
      <c r="F10" s="17">
        <v>333984</v>
      </c>
      <c r="G10" s="17">
        <v>893481</v>
      </c>
      <c r="H10" s="17">
        <v>2509478</v>
      </c>
      <c r="I10" s="17">
        <v>8269762</v>
      </c>
      <c r="J10" s="17">
        <v>3754682</v>
      </c>
      <c r="K10" s="17">
        <v>18717868</v>
      </c>
      <c r="L10" s="17">
        <v>210586</v>
      </c>
      <c r="M10" s="17">
        <v>6215601</v>
      </c>
      <c r="N10" s="17">
        <v>2330</v>
      </c>
      <c r="O10" s="17">
        <v>0</v>
      </c>
      <c r="P10" s="17">
        <v>107390503</v>
      </c>
    </row>
    <row r="11" spans="1:16" s="11" customFormat="1" ht="17.25" customHeight="1">
      <c r="A11" s="5" t="s">
        <v>58</v>
      </c>
      <c r="B11" s="17">
        <v>376877</v>
      </c>
      <c r="C11" s="17">
        <v>9858374</v>
      </c>
      <c r="D11" s="17">
        <v>30375628</v>
      </c>
      <c r="E11" s="17">
        <v>6503394</v>
      </c>
      <c r="F11" s="17">
        <v>89031</v>
      </c>
      <c r="G11" s="17">
        <v>221746</v>
      </c>
      <c r="H11" s="17">
        <v>938632</v>
      </c>
      <c r="I11" s="17">
        <v>8887830</v>
      </c>
      <c r="J11" s="17">
        <v>3435982</v>
      </c>
      <c r="K11" s="17">
        <v>8733451</v>
      </c>
      <c r="L11" s="17">
        <v>0</v>
      </c>
      <c r="M11" s="17">
        <v>4289502</v>
      </c>
      <c r="N11" s="17">
        <v>0</v>
      </c>
      <c r="O11" s="17">
        <v>0</v>
      </c>
      <c r="P11" s="17">
        <v>73710447</v>
      </c>
    </row>
    <row r="12" spans="1:16" s="11" customFormat="1" ht="17.25" customHeight="1">
      <c r="A12" s="5" t="s">
        <v>59</v>
      </c>
      <c r="B12" s="17">
        <v>666814</v>
      </c>
      <c r="C12" s="17">
        <v>18400074</v>
      </c>
      <c r="D12" s="17">
        <v>82809948</v>
      </c>
      <c r="E12" s="17">
        <v>17430153</v>
      </c>
      <c r="F12" s="17">
        <v>421980</v>
      </c>
      <c r="G12" s="17">
        <v>504436</v>
      </c>
      <c r="H12" s="17">
        <v>2000392</v>
      </c>
      <c r="I12" s="17">
        <v>18938225</v>
      </c>
      <c r="J12" s="17">
        <v>6088080</v>
      </c>
      <c r="K12" s="17">
        <v>18788202</v>
      </c>
      <c r="L12" s="17">
        <v>0</v>
      </c>
      <c r="M12" s="17">
        <v>9826379</v>
      </c>
      <c r="N12" s="17">
        <v>0</v>
      </c>
      <c r="O12" s="17">
        <v>0</v>
      </c>
      <c r="P12" s="17">
        <v>175874683</v>
      </c>
    </row>
    <row r="13" spans="1:16" s="11" customFormat="1" ht="17.25" customHeight="1">
      <c r="A13" s="5" t="s">
        <v>60</v>
      </c>
      <c r="B13" s="17">
        <v>428796</v>
      </c>
      <c r="C13" s="17">
        <v>8830167</v>
      </c>
      <c r="D13" s="17">
        <v>36108052</v>
      </c>
      <c r="E13" s="17">
        <v>9114438</v>
      </c>
      <c r="F13" s="17">
        <v>124136</v>
      </c>
      <c r="G13" s="17">
        <v>1076867</v>
      </c>
      <c r="H13" s="17">
        <v>1354684</v>
      </c>
      <c r="I13" s="17">
        <v>6665516</v>
      </c>
      <c r="J13" s="17">
        <v>4566060</v>
      </c>
      <c r="K13" s="17">
        <v>11375574</v>
      </c>
      <c r="L13" s="17">
        <v>198303</v>
      </c>
      <c r="M13" s="17">
        <v>6109858</v>
      </c>
      <c r="N13" s="17">
        <v>0</v>
      </c>
      <c r="O13" s="17">
        <v>0</v>
      </c>
      <c r="P13" s="17">
        <v>85952451</v>
      </c>
    </row>
    <row r="14" spans="1:16" s="11" customFormat="1" ht="17.25" customHeight="1">
      <c r="A14" s="5" t="s">
        <v>61</v>
      </c>
      <c r="B14" s="17">
        <v>408128</v>
      </c>
      <c r="C14" s="17">
        <v>8592762</v>
      </c>
      <c r="D14" s="17">
        <v>40569570</v>
      </c>
      <c r="E14" s="17">
        <v>11014526</v>
      </c>
      <c r="F14" s="17">
        <v>233597</v>
      </c>
      <c r="G14" s="17">
        <v>250680</v>
      </c>
      <c r="H14" s="17">
        <v>3294531</v>
      </c>
      <c r="I14" s="17">
        <v>9687096</v>
      </c>
      <c r="J14" s="17">
        <v>3845766</v>
      </c>
      <c r="K14" s="17">
        <v>15755205</v>
      </c>
      <c r="L14" s="17">
        <v>480</v>
      </c>
      <c r="M14" s="17">
        <v>5914281</v>
      </c>
      <c r="N14" s="17">
        <v>0</v>
      </c>
      <c r="O14" s="17">
        <v>0</v>
      </c>
      <c r="P14" s="17">
        <v>99566622</v>
      </c>
    </row>
    <row r="15" spans="1:16" s="11" customFormat="1" ht="17.25" customHeight="1">
      <c r="A15" s="5" t="s">
        <v>62</v>
      </c>
      <c r="B15" s="17">
        <v>213006</v>
      </c>
      <c r="C15" s="17">
        <v>4576948</v>
      </c>
      <c r="D15" s="17">
        <v>9955757</v>
      </c>
      <c r="E15" s="17">
        <v>2388403</v>
      </c>
      <c r="F15" s="17">
        <v>21397</v>
      </c>
      <c r="G15" s="17">
        <v>23139</v>
      </c>
      <c r="H15" s="17">
        <v>159819</v>
      </c>
      <c r="I15" s="17">
        <v>1846055</v>
      </c>
      <c r="J15" s="17">
        <v>1046461</v>
      </c>
      <c r="K15" s="17">
        <v>2271485</v>
      </c>
      <c r="L15" s="17">
        <v>20152</v>
      </c>
      <c r="M15" s="17">
        <v>1739656</v>
      </c>
      <c r="N15" s="17">
        <v>0</v>
      </c>
      <c r="O15" s="17">
        <v>0</v>
      </c>
      <c r="P15" s="17">
        <v>24262278</v>
      </c>
    </row>
    <row r="16" spans="1:16" s="11" customFormat="1" ht="17.25" customHeight="1">
      <c r="A16" s="5" t="s">
        <v>63</v>
      </c>
      <c r="B16" s="17">
        <v>179619</v>
      </c>
      <c r="C16" s="17">
        <v>3936812</v>
      </c>
      <c r="D16" s="17">
        <v>7305261</v>
      </c>
      <c r="E16" s="17">
        <v>2210974</v>
      </c>
      <c r="F16" s="17">
        <v>44156</v>
      </c>
      <c r="G16" s="17">
        <v>321697</v>
      </c>
      <c r="H16" s="17">
        <v>276135</v>
      </c>
      <c r="I16" s="17">
        <v>2529084</v>
      </c>
      <c r="J16" s="17">
        <v>904716</v>
      </c>
      <c r="K16" s="17">
        <v>1212334</v>
      </c>
      <c r="L16" s="17">
        <v>0</v>
      </c>
      <c r="M16" s="17">
        <v>2046001</v>
      </c>
      <c r="N16" s="17">
        <v>0</v>
      </c>
      <c r="O16" s="17">
        <v>0</v>
      </c>
      <c r="P16" s="17">
        <v>20966789</v>
      </c>
    </row>
    <row r="17" spans="1:16" s="11" customFormat="1" ht="17.25" customHeight="1">
      <c r="A17" s="5" t="s">
        <v>64</v>
      </c>
      <c r="B17" s="17">
        <v>340622</v>
      </c>
      <c r="C17" s="17">
        <v>5635176</v>
      </c>
      <c r="D17" s="17">
        <v>28880305</v>
      </c>
      <c r="E17" s="17">
        <v>4318803</v>
      </c>
      <c r="F17" s="17">
        <v>139609</v>
      </c>
      <c r="G17" s="17">
        <v>632746</v>
      </c>
      <c r="H17" s="17">
        <v>1375012</v>
      </c>
      <c r="I17" s="17">
        <v>6139694</v>
      </c>
      <c r="J17" s="17">
        <v>3113460</v>
      </c>
      <c r="K17" s="17">
        <v>5755932</v>
      </c>
      <c r="L17" s="17">
        <v>5601</v>
      </c>
      <c r="M17" s="17">
        <v>3340690</v>
      </c>
      <c r="N17" s="17">
        <v>0</v>
      </c>
      <c r="O17" s="17">
        <v>0</v>
      </c>
      <c r="P17" s="17">
        <v>59677650</v>
      </c>
    </row>
    <row r="18" spans="1:16" s="11" customFormat="1" ht="17.25" customHeight="1">
      <c r="A18" s="5" t="s">
        <v>65</v>
      </c>
      <c r="B18" s="17">
        <v>422685</v>
      </c>
      <c r="C18" s="17">
        <v>18313534</v>
      </c>
      <c r="D18" s="17">
        <v>43031907</v>
      </c>
      <c r="E18" s="17">
        <v>11213428</v>
      </c>
      <c r="F18" s="17">
        <v>285499</v>
      </c>
      <c r="G18" s="17">
        <v>903669</v>
      </c>
      <c r="H18" s="17">
        <v>3354543</v>
      </c>
      <c r="I18" s="17">
        <v>10543992</v>
      </c>
      <c r="J18" s="17">
        <v>3469159</v>
      </c>
      <c r="K18" s="17">
        <v>11713024</v>
      </c>
      <c r="L18" s="17">
        <v>0</v>
      </c>
      <c r="M18" s="17">
        <v>6236551</v>
      </c>
      <c r="N18" s="17">
        <v>0</v>
      </c>
      <c r="O18" s="17">
        <v>0</v>
      </c>
      <c r="P18" s="17">
        <v>109487991</v>
      </c>
    </row>
    <row r="19" spans="1:16" s="11" customFormat="1" ht="17.25" customHeight="1">
      <c r="A19" s="5" t="s">
        <v>66</v>
      </c>
      <c r="B19" s="17">
        <v>389538</v>
      </c>
      <c r="C19" s="17">
        <v>8616662</v>
      </c>
      <c r="D19" s="17">
        <v>46641931</v>
      </c>
      <c r="E19" s="17">
        <v>8655296</v>
      </c>
      <c r="F19" s="17">
        <v>216027</v>
      </c>
      <c r="G19" s="17">
        <v>117470</v>
      </c>
      <c r="H19" s="17">
        <v>1593320</v>
      </c>
      <c r="I19" s="17">
        <v>5436471</v>
      </c>
      <c r="J19" s="17">
        <v>2892676</v>
      </c>
      <c r="K19" s="17">
        <v>10121103</v>
      </c>
      <c r="L19" s="17">
        <v>0</v>
      </c>
      <c r="M19" s="17">
        <v>5940067</v>
      </c>
      <c r="N19" s="17">
        <v>0</v>
      </c>
      <c r="O19" s="17">
        <v>0</v>
      </c>
      <c r="P19" s="17">
        <v>90620561</v>
      </c>
    </row>
    <row r="20" spans="1:16" s="11" customFormat="1" ht="17.25" customHeight="1">
      <c r="A20" s="5" t="s">
        <v>67</v>
      </c>
      <c r="B20" s="17">
        <v>259932</v>
      </c>
      <c r="C20" s="17">
        <v>4303391</v>
      </c>
      <c r="D20" s="17">
        <v>17693154</v>
      </c>
      <c r="E20" s="17">
        <v>3223281</v>
      </c>
      <c r="F20" s="17">
        <v>78546</v>
      </c>
      <c r="G20" s="17">
        <v>452574</v>
      </c>
      <c r="H20" s="17">
        <v>585087</v>
      </c>
      <c r="I20" s="17">
        <v>3534026</v>
      </c>
      <c r="J20" s="17">
        <v>1960172</v>
      </c>
      <c r="K20" s="17">
        <v>3630042</v>
      </c>
      <c r="L20" s="17">
        <v>88155</v>
      </c>
      <c r="M20" s="17">
        <v>2591444</v>
      </c>
      <c r="N20" s="17">
        <v>0</v>
      </c>
      <c r="O20" s="17">
        <v>0</v>
      </c>
      <c r="P20" s="17">
        <v>38399804</v>
      </c>
    </row>
    <row r="21" spans="1:16" s="11" customFormat="1" ht="17.25" customHeight="1">
      <c r="A21" s="5" t="s">
        <v>68</v>
      </c>
      <c r="B21" s="17">
        <v>295650</v>
      </c>
      <c r="C21" s="17">
        <v>9271499</v>
      </c>
      <c r="D21" s="17">
        <v>24548255</v>
      </c>
      <c r="E21" s="17">
        <v>4175271</v>
      </c>
      <c r="F21" s="17">
        <v>83969</v>
      </c>
      <c r="G21" s="17">
        <v>384063</v>
      </c>
      <c r="H21" s="17">
        <v>239256</v>
      </c>
      <c r="I21" s="17">
        <v>3422332</v>
      </c>
      <c r="J21" s="17">
        <v>3099459</v>
      </c>
      <c r="K21" s="17">
        <v>7100822</v>
      </c>
      <c r="L21" s="17">
        <v>0</v>
      </c>
      <c r="M21" s="17">
        <v>2990797</v>
      </c>
      <c r="N21" s="17">
        <v>0</v>
      </c>
      <c r="O21" s="17">
        <v>0</v>
      </c>
      <c r="P21" s="17">
        <v>55611373</v>
      </c>
    </row>
    <row r="22" spans="1:16" s="11" customFormat="1" ht="17.25" customHeight="1">
      <c r="A22" s="5" t="s">
        <v>69</v>
      </c>
      <c r="B22" s="17">
        <v>276746</v>
      </c>
      <c r="C22" s="17">
        <v>8665788</v>
      </c>
      <c r="D22" s="17">
        <v>26182482</v>
      </c>
      <c r="E22" s="17">
        <v>3644348</v>
      </c>
      <c r="F22" s="17">
        <v>63763</v>
      </c>
      <c r="G22" s="17">
        <v>68917</v>
      </c>
      <c r="H22" s="17">
        <v>138891</v>
      </c>
      <c r="I22" s="17">
        <v>2475861</v>
      </c>
      <c r="J22" s="17">
        <v>1938689</v>
      </c>
      <c r="K22" s="17">
        <v>5009292</v>
      </c>
      <c r="L22" s="17">
        <v>0</v>
      </c>
      <c r="M22" s="17">
        <v>2636620</v>
      </c>
      <c r="N22" s="17">
        <v>0</v>
      </c>
      <c r="O22" s="17">
        <v>0</v>
      </c>
      <c r="P22" s="17">
        <v>51101397</v>
      </c>
    </row>
    <row r="23" spans="1:16" s="11" customFormat="1" ht="17.25" customHeight="1">
      <c r="A23" s="5" t="s">
        <v>70</v>
      </c>
      <c r="B23" s="17">
        <v>178003</v>
      </c>
      <c r="C23" s="17">
        <v>4561963</v>
      </c>
      <c r="D23" s="17">
        <v>6900168</v>
      </c>
      <c r="E23" s="17">
        <v>1523431</v>
      </c>
      <c r="F23" s="17">
        <v>4977</v>
      </c>
      <c r="G23" s="17">
        <v>459847</v>
      </c>
      <c r="H23" s="17">
        <v>135932</v>
      </c>
      <c r="I23" s="17">
        <v>1775039</v>
      </c>
      <c r="J23" s="17">
        <v>811380</v>
      </c>
      <c r="K23" s="17">
        <v>1851083</v>
      </c>
      <c r="L23" s="17">
        <v>26824</v>
      </c>
      <c r="M23" s="17">
        <v>1282543</v>
      </c>
      <c r="N23" s="17">
        <v>0</v>
      </c>
      <c r="O23" s="17">
        <v>0</v>
      </c>
      <c r="P23" s="17">
        <v>19511190</v>
      </c>
    </row>
    <row r="24" spans="1:16" ht="17.25" customHeight="1">
      <c r="A24" s="20" t="s">
        <v>71</v>
      </c>
      <c r="B24" s="21">
        <v>254127</v>
      </c>
      <c r="C24" s="21">
        <v>4200233</v>
      </c>
      <c r="D24" s="21">
        <v>15711934</v>
      </c>
      <c r="E24" s="21">
        <v>2734018</v>
      </c>
      <c r="F24" s="21">
        <v>37207</v>
      </c>
      <c r="G24" s="21">
        <v>182018</v>
      </c>
      <c r="H24" s="21">
        <v>307381</v>
      </c>
      <c r="I24" s="21">
        <v>2759643</v>
      </c>
      <c r="J24" s="21">
        <v>1587733</v>
      </c>
      <c r="K24" s="21">
        <v>4097177</v>
      </c>
      <c r="L24" s="21">
        <v>0</v>
      </c>
      <c r="M24" s="21">
        <v>1752009</v>
      </c>
      <c r="N24" s="21">
        <v>0</v>
      </c>
      <c r="O24" s="17">
        <v>0</v>
      </c>
      <c r="P24" s="17">
        <v>33623480</v>
      </c>
    </row>
    <row r="25" spans="1:16" ht="17.25" customHeight="1">
      <c r="A25" s="5" t="s">
        <v>72</v>
      </c>
      <c r="B25" s="17">
        <v>173787</v>
      </c>
      <c r="C25" s="17">
        <v>2037060</v>
      </c>
      <c r="D25" s="17">
        <v>4893202</v>
      </c>
      <c r="E25" s="17">
        <v>2207903</v>
      </c>
      <c r="F25" s="17">
        <v>4493</v>
      </c>
      <c r="G25" s="17">
        <v>41637</v>
      </c>
      <c r="H25" s="17">
        <v>138681</v>
      </c>
      <c r="I25" s="17">
        <v>1749112</v>
      </c>
      <c r="J25" s="17">
        <v>609879</v>
      </c>
      <c r="K25" s="17">
        <v>1175377</v>
      </c>
      <c r="L25" s="17">
        <v>0</v>
      </c>
      <c r="M25" s="17">
        <v>521872</v>
      </c>
      <c r="N25" s="17">
        <v>0</v>
      </c>
      <c r="O25" s="17">
        <v>0</v>
      </c>
      <c r="P25" s="17">
        <v>13553003</v>
      </c>
    </row>
    <row r="26" spans="1:16" s="11" customFormat="1" ht="17.25" customHeight="1">
      <c r="A26" s="5" t="s">
        <v>73</v>
      </c>
      <c r="B26" s="17">
        <v>196948</v>
      </c>
      <c r="C26" s="17">
        <v>4061442</v>
      </c>
      <c r="D26" s="17">
        <v>7643778</v>
      </c>
      <c r="E26" s="17">
        <v>2161595</v>
      </c>
      <c r="F26" s="17">
        <v>26308</v>
      </c>
      <c r="G26" s="17">
        <v>113839</v>
      </c>
      <c r="H26" s="17">
        <v>269192</v>
      </c>
      <c r="I26" s="17">
        <v>1633327</v>
      </c>
      <c r="J26" s="17">
        <v>816362</v>
      </c>
      <c r="K26" s="17">
        <v>2459563</v>
      </c>
      <c r="L26" s="17">
        <v>0</v>
      </c>
      <c r="M26" s="17">
        <v>989087</v>
      </c>
      <c r="N26" s="17">
        <v>0</v>
      </c>
      <c r="O26" s="17">
        <v>0</v>
      </c>
      <c r="P26" s="17">
        <v>20371441</v>
      </c>
    </row>
    <row r="27" spans="1:16" s="11" customFormat="1" ht="17.25" customHeight="1">
      <c r="A27" s="5" t="s">
        <v>74</v>
      </c>
      <c r="B27" s="17">
        <v>138412</v>
      </c>
      <c r="C27" s="17">
        <v>2111569</v>
      </c>
      <c r="D27" s="17">
        <v>4234468</v>
      </c>
      <c r="E27" s="17">
        <v>1123588</v>
      </c>
      <c r="F27" s="17">
        <v>10780</v>
      </c>
      <c r="G27" s="17">
        <v>108068</v>
      </c>
      <c r="H27" s="17">
        <v>184352</v>
      </c>
      <c r="I27" s="17">
        <v>1772129</v>
      </c>
      <c r="J27" s="17">
        <v>659771</v>
      </c>
      <c r="K27" s="17">
        <v>1315483</v>
      </c>
      <c r="L27" s="17">
        <v>100513</v>
      </c>
      <c r="M27" s="17">
        <v>698840</v>
      </c>
      <c r="N27" s="17">
        <v>0</v>
      </c>
      <c r="O27" s="17">
        <v>0</v>
      </c>
      <c r="P27" s="17">
        <v>12457973</v>
      </c>
    </row>
    <row r="28" spans="1:16" s="11" customFormat="1" ht="17.25" customHeight="1">
      <c r="A28" s="5" t="s">
        <v>75</v>
      </c>
      <c r="B28" s="17">
        <v>121631</v>
      </c>
      <c r="C28" s="17">
        <v>1725598</v>
      </c>
      <c r="D28" s="17">
        <v>3671807</v>
      </c>
      <c r="E28" s="17">
        <v>877313</v>
      </c>
      <c r="F28" s="17">
        <v>6415</v>
      </c>
      <c r="G28" s="17">
        <v>111246</v>
      </c>
      <c r="H28" s="17">
        <v>68257</v>
      </c>
      <c r="I28" s="17">
        <v>899422</v>
      </c>
      <c r="J28" s="17">
        <v>759059</v>
      </c>
      <c r="K28" s="17">
        <v>1147003</v>
      </c>
      <c r="L28" s="17">
        <v>0</v>
      </c>
      <c r="M28" s="17">
        <v>707810</v>
      </c>
      <c r="N28" s="17">
        <v>0</v>
      </c>
      <c r="O28" s="17">
        <v>0</v>
      </c>
      <c r="P28" s="17">
        <v>10095561</v>
      </c>
    </row>
    <row r="29" spans="1:16" s="11" customFormat="1" ht="17.25" customHeight="1">
      <c r="A29" s="5" t="s">
        <v>76</v>
      </c>
      <c r="B29" s="17">
        <v>90300</v>
      </c>
      <c r="C29" s="17">
        <v>770881</v>
      </c>
      <c r="D29" s="17">
        <v>1300866</v>
      </c>
      <c r="E29" s="17">
        <v>308690</v>
      </c>
      <c r="F29" s="17">
        <v>0</v>
      </c>
      <c r="G29" s="17">
        <v>180641</v>
      </c>
      <c r="H29" s="17">
        <v>111836</v>
      </c>
      <c r="I29" s="17">
        <v>976577</v>
      </c>
      <c r="J29" s="17">
        <v>189559</v>
      </c>
      <c r="K29" s="17">
        <v>606556</v>
      </c>
      <c r="L29" s="17">
        <v>7029</v>
      </c>
      <c r="M29" s="17">
        <v>65767</v>
      </c>
      <c r="N29" s="17">
        <v>0</v>
      </c>
      <c r="O29" s="17">
        <v>0</v>
      </c>
      <c r="P29" s="17">
        <v>4608702</v>
      </c>
    </row>
    <row r="30" spans="1:16" s="11" customFormat="1" ht="17.25" customHeight="1">
      <c r="A30" s="5" t="s">
        <v>77</v>
      </c>
      <c r="B30" s="17">
        <v>93459</v>
      </c>
      <c r="C30" s="17">
        <v>950651</v>
      </c>
      <c r="D30" s="17">
        <v>2446266</v>
      </c>
      <c r="E30" s="17">
        <v>557258</v>
      </c>
      <c r="F30" s="17">
        <v>10000</v>
      </c>
      <c r="G30" s="17">
        <v>136754</v>
      </c>
      <c r="H30" s="17">
        <v>60221</v>
      </c>
      <c r="I30" s="17">
        <v>607174</v>
      </c>
      <c r="J30" s="17">
        <v>378325</v>
      </c>
      <c r="K30" s="17">
        <v>943799</v>
      </c>
      <c r="L30" s="17">
        <v>4027</v>
      </c>
      <c r="M30" s="17">
        <v>253092</v>
      </c>
      <c r="N30" s="17">
        <v>0</v>
      </c>
      <c r="O30" s="17">
        <v>0</v>
      </c>
      <c r="P30" s="17">
        <v>6441026</v>
      </c>
    </row>
    <row r="31" spans="1:16" s="11" customFormat="1" ht="17.25" customHeight="1">
      <c r="A31" s="5" t="s">
        <v>78</v>
      </c>
      <c r="B31" s="17">
        <v>83226</v>
      </c>
      <c r="C31" s="17">
        <v>1010960</v>
      </c>
      <c r="D31" s="17">
        <v>1691985</v>
      </c>
      <c r="E31" s="17">
        <v>354361</v>
      </c>
      <c r="F31" s="17">
        <v>8263</v>
      </c>
      <c r="G31" s="17">
        <v>85981</v>
      </c>
      <c r="H31" s="17">
        <v>232318</v>
      </c>
      <c r="I31" s="17">
        <v>529608</v>
      </c>
      <c r="J31" s="17">
        <v>222521</v>
      </c>
      <c r="K31" s="17">
        <v>864371</v>
      </c>
      <c r="L31" s="17">
        <v>4453</v>
      </c>
      <c r="M31" s="17">
        <v>447818</v>
      </c>
      <c r="N31" s="17">
        <v>0</v>
      </c>
      <c r="O31" s="17">
        <v>0</v>
      </c>
      <c r="P31" s="17">
        <v>5535865</v>
      </c>
    </row>
    <row r="32" spans="1:16" s="11" customFormat="1" ht="17.25" customHeight="1">
      <c r="A32" s="5" t="s">
        <v>79</v>
      </c>
      <c r="B32" s="17">
        <v>86206</v>
      </c>
      <c r="C32" s="17">
        <v>1511835</v>
      </c>
      <c r="D32" s="17">
        <v>1528426</v>
      </c>
      <c r="E32" s="17">
        <v>519497</v>
      </c>
      <c r="F32" s="17">
        <v>0</v>
      </c>
      <c r="G32" s="17">
        <v>147965</v>
      </c>
      <c r="H32" s="17">
        <v>150795</v>
      </c>
      <c r="I32" s="17">
        <v>542498</v>
      </c>
      <c r="J32" s="17">
        <v>219040</v>
      </c>
      <c r="K32" s="17">
        <v>817619</v>
      </c>
      <c r="L32" s="17">
        <v>70048</v>
      </c>
      <c r="M32" s="17">
        <v>417016</v>
      </c>
      <c r="N32" s="17">
        <v>0</v>
      </c>
      <c r="O32" s="17">
        <v>0</v>
      </c>
      <c r="P32" s="17">
        <v>6010945</v>
      </c>
    </row>
    <row r="33" spans="1:16" s="11" customFormat="1" ht="17.25" customHeight="1">
      <c r="A33" s="5" t="s">
        <v>80</v>
      </c>
      <c r="B33" s="17">
        <v>99384</v>
      </c>
      <c r="C33" s="17">
        <v>1770356</v>
      </c>
      <c r="D33" s="17">
        <v>2769393</v>
      </c>
      <c r="E33" s="17">
        <v>649903</v>
      </c>
      <c r="F33" s="17">
        <v>0</v>
      </c>
      <c r="G33" s="17">
        <v>57206</v>
      </c>
      <c r="H33" s="17">
        <v>72095</v>
      </c>
      <c r="I33" s="17">
        <v>1005687</v>
      </c>
      <c r="J33" s="17">
        <v>363737</v>
      </c>
      <c r="K33" s="17">
        <v>815589</v>
      </c>
      <c r="L33" s="17">
        <v>0</v>
      </c>
      <c r="M33" s="17">
        <v>571059</v>
      </c>
      <c r="N33" s="17">
        <v>0</v>
      </c>
      <c r="O33" s="17">
        <v>0</v>
      </c>
      <c r="P33" s="17">
        <v>8174409</v>
      </c>
    </row>
    <row r="34" spans="1:16" s="11" customFormat="1" ht="17.25" customHeight="1">
      <c r="A34" s="5" t="s">
        <v>81</v>
      </c>
      <c r="B34" s="17">
        <v>119884</v>
      </c>
      <c r="C34" s="17">
        <v>4344713</v>
      </c>
      <c r="D34" s="17">
        <v>1798666</v>
      </c>
      <c r="E34" s="17">
        <v>1583659</v>
      </c>
      <c r="F34" s="17">
        <v>1342</v>
      </c>
      <c r="G34" s="17">
        <v>136803</v>
      </c>
      <c r="H34" s="17">
        <v>898896</v>
      </c>
      <c r="I34" s="17">
        <v>812193</v>
      </c>
      <c r="J34" s="17">
        <v>1131895</v>
      </c>
      <c r="K34" s="17">
        <v>2420119</v>
      </c>
      <c r="L34" s="17">
        <v>0</v>
      </c>
      <c r="M34" s="17">
        <v>860633</v>
      </c>
      <c r="N34" s="17">
        <v>0</v>
      </c>
      <c r="O34" s="17">
        <v>0</v>
      </c>
      <c r="P34" s="17">
        <v>14108803</v>
      </c>
    </row>
    <row r="35" spans="1:16" s="11" customFormat="1" ht="17.25" customHeight="1">
      <c r="A35" s="5" t="s">
        <v>82</v>
      </c>
      <c r="B35" s="17">
        <v>68815</v>
      </c>
      <c r="C35" s="17">
        <v>674901</v>
      </c>
      <c r="D35" s="17">
        <v>1065135</v>
      </c>
      <c r="E35" s="17">
        <v>533391</v>
      </c>
      <c r="F35" s="17">
        <v>0</v>
      </c>
      <c r="G35" s="17">
        <v>55445</v>
      </c>
      <c r="H35" s="17">
        <v>102105</v>
      </c>
      <c r="I35" s="17">
        <v>282805</v>
      </c>
      <c r="J35" s="17">
        <v>202154</v>
      </c>
      <c r="K35" s="17">
        <v>522048</v>
      </c>
      <c r="L35" s="17">
        <v>0</v>
      </c>
      <c r="M35" s="17">
        <v>423323</v>
      </c>
      <c r="N35" s="17">
        <v>0</v>
      </c>
      <c r="O35" s="17">
        <v>0</v>
      </c>
      <c r="P35" s="17">
        <v>3930122</v>
      </c>
    </row>
    <row r="36" spans="1:16" s="11" customFormat="1" ht="17.25" customHeight="1">
      <c r="A36" s="5" t="s">
        <v>83</v>
      </c>
      <c r="B36" s="17">
        <v>128345</v>
      </c>
      <c r="C36" s="17">
        <v>2549455</v>
      </c>
      <c r="D36" s="17">
        <v>3200681</v>
      </c>
      <c r="E36" s="17">
        <v>1359272</v>
      </c>
      <c r="F36" s="17">
        <v>830</v>
      </c>
      <c r="G36" s="17">
        <v>134758</v>
      </c>
      <c r="H36" s="17">
        <v>373128</v>
      </c>
      <c r="I36" s="17">
        <v>700745</v>
      </c>
      <c r="J36" s="17">
        <v>779162</v>
      </c>
      <c r="K36" s="17">
        <v>874149</v>
      </c>
      <c r="L36" s="17">
        <v>72637</v>
      </c>
      <c r="M36" s="17">
        <v>878635</v>
      </c>
      <c r="N36" s="17">
        <v>0</v>
      </c>
      <c r="O36" s="17">
        <v>0</v>
      </c>
      <c r="P36" s="17">
        <v>11051797</v>
      </c>
    </row>
    <row r="37" spans="1:16" s="11" customFormat="1" ht="17.25" customHeight="1">
      <c r="A37" s="5" t="s">
        <v>84</v>
      </c>
      <c r="B37" s="17">
        <v>153120</v>
      </c>
      <c r="C37" s="17">
        <v>2065267</v>
      </c>
      <c r="D37" s="17">
        <v>6088005</v>
      </c>
      <c r="E37" s="17">
        <v>1503941</v>
      </c>
      <c r="F37" s="17">
        <v>159551</v>
      </c>
      <c r="G37" s="17">
        <v>174124</v>
      </c>
      <c r="H37" s="17">
        <v>146466</v>
      </c>
      <c r="I37" s="17">
        <v>1376370</v>
      </c>
      <c r="J37" s="17">
        <v>787791</v>
      </c>
      <c r="K37" s="17">
        <v>1872633</v>
      </c>
      <c r="L37" s="17">
        <v>3313</v>
      </c>
      <c r="M37" s="17">
        <v>798943</v>
      </c>
      <c r="N37" s="17">
        <v>0</v>
      </c>
      <c r="O37" s="17">
        <v>0</v>
      </c>
      <c r="P37" s="17">
        <v>15129524</v>
      </c>
    </row>
    <row r="38" spans="1:16" ht="17.25" customHeight="1">
      <c r="A38" s="6" t="s">
        <v>85</v>
      </c>
      <c r="B38" s="18">
        <v>67418</v>
      </c>
      <c r="C38" s="18">
        <v>789275</v>
      </c>
      <c r="D38" s="18">
        <v>499960</v>
      </c>
      <c r="E38" s="18">
        <v>228967</v>
      </c>
      <c r="F38" s="18">
        <v>0</v>
      </c>
      <c r="G38" s="18">
        <v>134646</v>
      </c>
      <c r="H38" s="18">
        <v>168676</v>
      </c>
      <c r="I38" s="18">
        <v>273718</v>
      </c>
      <c r="J38" s="18">
        <v>208477</v>
      </c>
      <c r="K38" s="18">
        <v>324434</v>
      </c>
      <c r="L38" s="18">
        <v>0</v>
      </c>
      <c r="M38" s="18">
        <v>62720</v>
      </c>
      <c r="N38" s="18">
        <v>0</v>
      </c>
      <c r="O38" s="17">
        <v>0</v>
      </c>
      <c r="P38" s="18">
        <v>2758291</v>
      </c>
    </row>
    <row r="39" spans="1:16" ht="17.25" customHeight="1">
      <c r="A39" s="7" t="s">
        <v>86</v>
      </c>
      <c r="B39" s="19">
        <v>13445833</v>
      </c>
      <c r="C39" s="19">
        <v>373240094</v>
      </c>
      <c r="D39" s="19">
        <v>1895075405</v>
      </c>
      <c r="E39" s="19">
        <v>355785862</v>
      </c>
      <c r="F39" s="19">
        <v>5088501</v>
      </c>
      <c r="G39" s="19">
        <v>12372332</v>
      </c>
      <c r="H39" s="19">
        <v>154308801</v>
      </c>
      <c r="I39" s="19">
        <v>465824221</v>
      </c>
      <c r="J39" s="19">
        <v>129883797</v>
      </c>
      <c r="K39" s="19">
        <v>731626655</v>
      </c>
      <c r="L39" s="19">
        <v>1027872</v>
      </c>
      <c r="M39" s="19">
        <v>387776563</v>
      </c>
      <c r="N39" s="19">
        <v>15724095</v>
      </c>
      <c r="O39" s="19">
        <v>0</v>
      </c>
      <c r="P39" s="19">
        <v>4541180031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６年度市町村普通会計決算状況
 （３）ア　歳出（目的別）［&amp;P/&amp;N］&amp;R&amp;"ＭＳ ゴシック,標準"&amp;10
（単位：千円）</oddHeader>
  </headerFooter>
  <colBreaks count="2" manualBreakCount="2">
    <brk id="8" max="43" man="1"/>
    <brk id="15" max="43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AM39"/>
  <sheetViews>
    <sheetView view="pageBreakPreview" zoomScaleNormal="100" zoomScaleSheetLayoutView="100" workbookViewId="0"/>
  </sheetViews>
  <sheetFormatPr defaultColWidth="9.19921875" defaultRowHeight="10.8"/>
  <cols>
    <col min="1" max="1" width="14.09765625" style="8" customWidth="1"/>
    <col min="2" max="16384" width="9.19921875" style="9"/>
  </cols>
  <sheetData>
    <row r="1" spans="1:39" s="10" customFormat="1" ht="17.25" customHeight="1">
      <c r="A1" s="1"/>
      <c r="B1" s="12"/>
      <c r="C1" s="13"/>
      <c r="D1" s="1"/>
      <c r="E1" s="1"/>
      <c r="F1" s="1"/>
      <c r="G1" s="1"/>
      <c r="H1" s="14" t="s">
        <v>48</v>
      </c>
      <c r="I1" s="14" t="s">
        <v>48</v>
      </c>
      <c r="J1" s="14"/>
      <c r="K1" s="14"/>
      <c r="L1" s="14"/>
      <c r="M1" s="1"/>
      <c r="N1" s="14" t="s">
        <v>16</v>
      </c>
      <c r="O1" s="14"/>
      <c r="P1" s="14" t="s">
        <v>16</v>
      </c>
      <c r="Q1" s="14"/>
      <c r="R1" s="14"/>
      <c r="S1" s="14"/>
      <c r="T1" s="14"/>
      <c r="U1" s="14"/>
      <c r="V1" s="1"/>
      <c r="W1" s="14" t="s">
        <v>16</v>
      </c>
      <c r="X1" s="14"/>
      <c r="Y1" s="14"/>
      <c r="Z1" s="14"/>
      <c r="AA1" s="14"/>
      <c r="AB1" s="14"/>
      <c r="AC1" s="14"/>
      <c r="AD1" s="1"/>
      <c r="AE1" s="14" t="s">
        <v>16</v>
      </c>
      <c r="AF1" s="14"/>
      <c r="AG1" s="1"/>
      <c r="AH1" s="1"/>
      <c r="AI1" s="1"/>
      <c r="AJ1" s="1"/>
      <c r="AK1" s="1"/>
      <c r="AL1" s="1"/>
      <c r="AM1" s="1"/>
    </row>
    <row r="2" spans="1:39" s="10" customFormat="1" ht="17.25" customHeight="1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 t="s">
        <v>17</v>
      </c>
      <c r="N2" s="2"/>
      <c r="O2" s="2"/>
      <c r="P2" s="2"/>
      <c r="Q2" s="2"/>
      <c r="R2" s="2" t="s">
        <v>18</v>
      </c>
      <c r="S2" s="2"/>
      <c r="T2" s="15" t="s">
        <v>16</v>
      </c>
      <c r="U2" s="15"/>
      <c r="V2" s="2" t="s">
        <v>19</v>
      </c>
      <c r="W2" s="2"/>
      <c r="X2" s="2"/>
      <c r="Y2" s="2"/>
      <c r="Z2" s="2" t="s">
        <v>18</v>
      </c>
      <c r="AA2" s="2"/>
      <c r="AB2" s="15" t="s">
        <v>16</v>
      </c>
      <c r="AC2" s="15"/>
      <c r="AD2" s="2" t="s">
        <v>20</v>
      </c>
      <c r="AE2" s="2"/>
      <c r="AF2" s="1"/>
      <c r="AG2" s="2"/>
      <c r="AH2" s="2"/>
      <c r="AI2" s="2" t="s">
        <v>21</v>
      </c>
      <c r="AJ2" s="2"/>
      <c r="AK2" s="2"/>
      <c r="AL2" s="2" t="s">
        <v>22</v>
      </c>
      <c r="AM2" s="2"/>
    </row>
    <row r="3" spans="1:39" s="10" customFormat="1" ht="17.25" customHeight="1">
      <c r="A3" s="2"/>
      <c r="B3" s="2" t="s">
        <v>23</v>
      </c>
      <c r="C3" s="2" t="s">
        <v>24</v>
      </c>
      <c r="D3" s="2" t="s">
        <v>25</v>
      </c>
      <c r="E3" s="2" t="s">
        <v>26</v>
      </c>
      <c r="F3" s="2" t="s">
        <v>27</v>
      </c>
      <c r="G3" s="2" t="s">
        <v>28</v>
      </c>
      <c r="H3" s="2" t="s">
        <v>29</v>
      </c>
      <c r="I3" s="2" t="s">
        <v>30</v>
      </c>
      <c r="J3" s="2" t="s">
        <v>49</v>
      </c>
      <c r="K3" s="2" t="s">
        <v>31</v>
      </c>
      <c r="L3" s="2" t="s">
        <v>32</v>
      </c>
      <c r="M3" s="2" t="s">
        <v>33</v>
      </c>
      <c r="N3" s="2" t="s">
        <v>34</v>
      </c>
      <c r="O3" s="2" t="s">
        <v>35</v>
      </c>
      <c r="P3" s="2" t="s">
        <v>36</v>
      </c>
      <c r="Q3" s="2" t="s">
        <v>37</v>
      </c>
      <c r="R3" s="2" t="s">
        <v>38</v>
      </c>
      <c r="S3" s="2" t="s">
        <v>39</v>
      </c>
      <c r="T3" s="2"/>
      <c r="U3" s="2"/>
      <c r="V3" s="2" t="s">
        <v>33</v>
      </c>
      <c r="W3" s="2" t="s">
        <v>34</v>
      </c>
      <c r="X3" s="2" t="s">
        <v>35</v>
      </c>
      <c r="Y3" s="2" t="s">
        <v>37</v>
      </c>
      <c r="Z3" s="2" t="s">
        <v>38</v>
      </c>
      <c r="AA3" s="2" t="s">
        <v>39</v>
      </c>
      <c r="AB3" s="2"/>
      <c r="AC3" s="2"/>
      <c r="AD3" s="2" t="s">
        <v>33</v>
      </c>
      <c r="AE3" s="2" t="s">
        <v>34</v>
      </c>
      <c r="AF3" s="2" t="s">
        <v>35</v>
      </c>
      <c r="AG3" s="2" t="s">
        <v>40</v>
      </c>
      <c r="AH3" s="2" t="s">
        <v>41</v>
      </c>
      <c r="AI3" s="2" t="s">
        <v>50</v>
      </c>
      <c r="AJ3" s="2" t="s">
        <v>42</v>
      </c>
      <c r="AK3" s="2" t="s">
        <v>43</v>
      </c>
      <c r="AL3" s="2" t="s">
        <v>14</v>
      </c>
      <c r="AM3" s="2" t="s">
        <v>44</v>
      </c>
    </row>
    <row r="4" spans="1:39" s="10" customFormat="1" ht="17.25" customHeight="1">
      <c r="A4" s="2"/>
      <c r="B4" s="2"/>
      <c r="C4" s="2" t="s">
        <v>45</v>
      </c>
      <c r="D4" s="2"/>
      <c r="E4" s="2"/>
      <c r="F4" s="2"/>
      <c r="G4" s="2"/>
      <c r="H4" s="2" t="s">
        <v>46</v>
      </c>
      <c r="I4" s="2" t="s">
        <v>46</v>
      </c>
      <c r="J4" s="2" t="s">
        <v>46</v>
      </c>
      <c r="K4" s="2" t="s">
        <v>46</v>
      </c>
      <c r="L4" s="2" t="s">
        <v>46</v>
      </c>
      <c r="M4" s="2"/>
      <c r="N4" s="2"/>
      <c r="O4" s="2"/>
      <c r="P4" s="2" t="s">
        <v>47</v>
      </c>
      <c r="Q4" s="2" t="s">
        <v>47</v>
      </c>
      <c r="R4" s="2" t="s">
        <v>47</v>
      </c>
      <c r="S4" s="2"/>
      <c r="T4" s="2" t="s">
        <v>34</v>
      </c>
      <c r="U4" s="2" t="s">
        <v>35</v>
      </c>
      <c r="V4" s="2"/>
      <c r="W4" s="2"/>
      <c r="X4" s="2"/>
      <c r="Y4" s="2" t="s">
        <v>51</v>
      </c>
      <c r="Z4" s="2" t="s">
        <v>47</v>
      </c>
      <c r="AA4" s="2"/>
      <c r="AB4" s="2" t="s">
        <v>34</v>
      </c>
      <c r="AC4" s="2" t="s">
        <v>35</v>
      </c>
      <c r="AD4" s="2"/>
      <c r="AE4" s="2"/>
      <c r="AF4" s="2"/>
      <c r="AG4" s="2"/>
      <c r="AH4" s="2"/>
      <c r="AI4" s="2"/>
      <c r="AJ4" s="2"/>
      <c r="AK4" s="2"/>
      <c r="AL4" s="2"/>
      <c r="AM4" s="2"/>
    </row>
    <row r="5" spans="1:39" s="10" customFormat="1" ht="17.25" customHeight="1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</row>
    <row r="6" spans="1:39" ht="17.25" customHeight="1">
      <c r="A6" s="4" t="s">
        <v>53</v>
      </c>
      <c r="B6" s="16">
        <v>386294741</v>
      </c>
      <c r="C6" s="16">
        <v>21716846</v>
      </c>
      <c r="D6" s="16">
        <v>221082196</v>
      </c>
      <c r="E6" s="16">
        <v>8452418</v>
      </c>
      <c r="F6" s="16">
        <v>621491633</v>
      </c>
      <c r="G6" s="16">
        <v>152009127</v>
      </c>
      <c r="H6" s="16">
        <v>6700517</v>
      </c>
      <c r="I6" s="16">
        <v>565988</v>
      </c>
      <c r="J6" s="16">
        <v>0</v>
      </c>
      <c r="K6" s="16">
        <v>114785</v>
      </c>
      <c r="L6" s="16">
        <v>144627837</v>
      </c>
      <c r="M6" s="16">
        <v>201358816</v>
      </c>
      <c r="N6" s="16">
        <v>70927014</v>
      </c>
      <c r="O6" s="16">
        <v>119258343</v>
      </c>
      <c r="P6" s="16">
        <v>10791478</v>
      </c>
      <c r="Q6" s="16">
        <v>381981</v>
      </c>
      <c r="R6" s="16">
        <v>0</v>
      </c>
      <c r="S6" s="16">
        <v>0</v>
      </c>
      <c r="T6" s="16">
        <v>0</v>
      </c>
      <c r="U6" s="16">
        <v>0</v>
      </c>
      <c r="V6" s="16">
        <v>0</v>
      </c>
      <c r="W6" s="16">
        <v>0</v>
      </c>
      <c r="X6" s="16">
        <v>0</v>
      </c>
      <c r="Y6" s="16">
        <v>0</v>
      </c>
      <c r="Z6" s="16">
        <v>0</v>
      </c>
      <c r="AA6" s="16">
        <v>0</v>
      </c>
      <c r="AB6" s="16">
        <v>0</v>
      </c>
      <c r="AC6" s="16">
        <v>0</v>
      </c>
      <c r="AD6" s="16">
        <v>0</v>
      </c>
      <c r="AE6" s="16">
        <v>0</v>
      </c>
      <c r="AF6" s="16">
        <v>0</v>
      </c>
      <c r="AG6" s="16">
        <v>195997408</v>
      </c>
      <c r="AH6" s="16">
        <v>25685012</v>
      </c>
      <c r="AI6" s="16">
        <v>5407221</v>
      </c>
      <c r="AJ6" s="16">
        <v>82303123</v>
      </c>
      <c r="AK6" s="16">
        <v>125681134</v>
      </c>
      <c r="AL6" s="16">
        <v>0</v>
      </c>
      <c r="AM6" s="16">
        <v>2025762829</v>
      </c>
    </row>
    <row r="7" spans="1:39" s="11" customFormat="1" ht="17.25" customHeight="1">
      <c r="A7" s="5" t="s">
        <v>54</v>
      </c>
      <c r="B7" s="17">
        <v>164219269</v>
      </c>
      <c r="C7" s="17">
        <v>9285293</v>
      </c>
      <c r="D7" s="17">
        <v>98830676</v>
      </c>
      <c r="E7" s="17">
        <v>6870006</v>
      </c>
      <c r="F7" s="17">
        <v>253650102</v>
      </c>
      <c r="G7" s="17">
        <v>48429280</v>
      </c>
      <c r="H7" s="17">
        <v>5603177</v>
      </c>
      <c r="I7" s="17">
        <v>446777</v>
      </c>
      <c r="J7" s="17">
        <v>196006</v>
      </c>
      <c r="K7" s="17">
        <v>41785</v>
      </c>
      <c r="L7" s="17">
        <v>42141535</v>
      </c>
      <c r="M7" s="17">
        <v>96769540</v>
      </c>
      <c r="N7" s="17">
        <v>35375688</v>
      </c>
      <c r="O7" s="17">
        <v>52278402</v>
      </c>
      <c r="P7" s="17">
        <v>7888510</v>
      </c>
      <c r="Q7" s="17">
        <v>24198</v>
      </c>
      <c r="R7" s="17">
        <v>1184822</v>
      </c>
      <c r="S7" s="17">
        <v>17920</v>
      </c>
      <c r="T7" s="17">
        <v>0</v>
      </c>
      <c r="U7" s="17">
        <v>17920</v>
      </c>
      <c r="V7" s="17">
        <v>0</v>
      </c>
      <c r="W7" s="17">
        <v>0</v>
      </c>
      <c r="X7" s="17">
        <v>0</v>
      </c>
      <c r="Y7" s="17">
        <v>0</v>
      </c>
      <c r="Z7" s="17">
        <v>0</v>
      </c>
      <c r="AA7" s="17">
        <v>0</v>
      </c>
      <c r="AB7" s="17">
        <v>0</v>
      </c>
      <c r="AC7" s="17">
        <v>0</v>
      </c>
      <c r="AD7" s="17">
        <v>0</v>
      </c>
      <c r="AE7" s="17">
        <v>0</v>
      </c>
      <c r="AF7" s="17">
        <v>0</v>
      </c>
      <c r="AG7" s="17">
        <v>75371100</v>
      </c>
      <c r="AH7" s="17">
        <v>2417752</v>
      </c>
      <c r="AI7" s="17">
        <v>2198976</v>
      </c>
      <c r="AJ7" s="17">
        <v>19612249</v>
      </c>
      <c r="AK7" s="17">
        <v>43476169</v>
      </c>
      <c r="AL7" s="17">
        <v>0</v>
      </c>
      <c r="AM7" s="17">
        <v>811845119</v>
      </c>
    </row>
    <row r="8" spans="1:39" ht="17.25" customHeight="1">
      <c r="A8" s="20" t="s">
        <v>55</v>
      </c>
      <c r="B8" s="21">
        <v>78666379</v>
      </c>
      <c r="C8" s="21">
        <v>4789553</v>
      </c>
      <c r="D8" s="21">
        <v>46541330</v>
      </c>
      <c r="E8" s="21">
        <v>4263474</v>
      </c>
      <c r="F8" s="21">
        <v>116828981</v>
      </c>
      <c r="G8" s="21">
        <v>14847029</v>
      </c>
      <c r="H8" s="21">
        <v>2452502</v>
      </c>
      <c r="I8" s="21">
        <v>94135</v>
      </c>
      <c r="J8" s="21">
        <v>9100</v>
      </c>
      <c r="K8" s="21">
        <v>22875</v>
      </c>
      <c r="L8" s="21">
        <v>12268417</v>
      </c>
      <c r="M8" s="21">
        <v>24469638</v>
      </c>
      <c r="N8" s="21">
        <v>3735748</v>
      </c>
      <c r="O8" s="21">
        <v>19783913</v>
      </c>
      <c r="P8" s="17">
        <v>261300</v>
      </c>
      <c r="Q8" s="21">
        <v>688677</v>
      </c>
      <c r="R8" s="21">
        <v>0</v>
      </c>
      <c r="S8" s="21">
        <v>0</v>
      </c>
      <c r="T8" s="21">
        <v>0</v>
      </c>
      <c r="U8" s="21">
        <v>0</v>
      </c>
      <c r="V8" s="21">
        <v>143242</v>
      </c>
      <c r="W8" s="21">
        <v>37919</v>
      </c>
      <c r="X8" s="21">
        <v>105323</v>
      </c>
      <c r="Y8" s="21">
        <v>0</v>
      </c>
      <c r="Z8" s="21">
        <v>0</v>
      </c>
      <c r="AA8" s="21">
        <v>0</v>
      </c>
      <c r="AB8" s="21">
        <v>0</v>
      </c>
      <c r="AC8" s="21">
        <v>0</v>
      </c>
      <c r="AD8" s="21">
        <v>0</v>
      </c>
      <c r="AE8" s="21">
        <v>0</v>
      </c>
      <c r="AF8" s="21">
        <v>0</v>
      </c>
      <c r="AG8" s="21">
        <v>27786894</v>
      </c>
      <c r="AH8" s="21">
        <v>5031045</v>
      </c>
      <c r="AI8" s="21">
        <v>0</v>
      </c>
      <c r="AJ8" s="21">
        <v>10165757</v>
      </c>
      <c r="AK8" s="21">
        <v>23528021</v>
      </c>
      <c r="AL8" s="21">
        <v>0</v>
      </c>
      <c r="AM8" s="21">
        <v>352271790</v>
      </c>
    </row>
    <row r="9" spans="1:39" ht="17.25" customHeight="1">
      <c r="A9" s="5" t="s">
        <v>56</v>
      </c>
      <c r="B9" s="17">
        <v>29882760</v>
      </c>
      <c r="C9" s="17">
        <v>2044974</v>
      </c>
      <c r="D9" s="17">
        <v>27712560</v>
      </c>
      <c r="E9" s="17">
        <v>695085</v>
      </c>
      <c r="F9" s="17">
        <v>48865167</v>
      </c>
      <c r="G9" s="17">
        <v>12742861</v>
      </c>
      <c r="H9" s="17">
        <v>1183990</v>
      </c>
      <c r="I9" s="17">
        <v>328358</v>
      </c>
      <c r="J9" s="17">
        <v>5447</v>
      </c>
      <c r="K9" s="17">
        <v>14288</v>
      </c>
      <c r="L9" s="17">
        <v>11210778</v>
      </c>
      <c r="M9" s="17">
        <v>14094858</v>
      </c>
      <c r="N9" s="17">
        <v>5091717</v>
      </c>
      <c r="O9" s="17">
        <v>8587854</v>
      </c>
      <c r="P9" s="17">
        <v>0</v>
      </c>
      <c r="Q9" s="17">
        <v>415208</v>
      </c>
      <c r="R9" s="17">
        <v>79</v>
      </c>
      <c r="S9" s="17">
        <v>0</v>
      </c>
      <c r="T9" s="17">
        <v>0</v>
      </c>
      <c r="U9" s="17">
        <v>0</v>
      </c>
      <c r="V9" s="17">
        <v>72509</v>
      </c>
      <c r="W9" s="17">
        <v>0</v>
      </c>
      <c r="X9" s="17">
        <v>72509</v>
      </c>
      <c r="Y9" s="17">
        <v>0</v>
      </c>
      <c r="Z9" s="17">
        <v>0</v>
      </c>
      <c r="AA9" s="17">
        <v>0</v>
      </c>
      <c r="AB9" s="17">
        <v>0</v>
      </c>
      <c r="AC9" s="17">
        <v>0</v>
      </c>
      <c r="AD9" s="17">
        <v>0</v>
      </c>
      <c r="AE9" s="17">
        <v>0</v>
      </c>
      <c r="AF9" s="17">
        <v>0</v>
      </c>
      <c r="AG9" s="17">
        <v>17401710</v>
      </c>
      <c r="AH9" s="17">
        <v>1940760</v>
      </c>
      <c r="AI9" s="17">
        <v>237496</v>
      </c>
      <c r="AJ9" s="17">
        <v>1841524</v>
      </c>
      <c r="AK9" s="17">
        <v>15828322</v>
      </c>
      <c r="AL9" s="17">
        <v>0</v>
      </c>
      <c r="AM9" s="17">
        <v>171315612</v>
      </c>
    </row>
    <row r="10" spans="1:39" s="11" customFormat="1" ht="17.25" customHeight="1">
      <c r="A10" s="5" t="s">
        <v>57</v>
      </c>
      <c r="B10" s="17">
        <v>16918280</v>
      </c>
      <c r="C10" s="17">
        <v>628418</v>
      </c>
      <c r="D10" s="17">
        <v>15000311</v>
      </c>
      <c r="E10" s="17">
        <v>1145067</v>
      </c>
      <c r="F10" s="17">
        <v>32841988</v>
      </c>
      <c r="G10" s="17">
        <v>8726344</v>
      </c>
      <c r="H10" s="17">
        <v>909292</v>
      </c>
      <c r="I10" s="17">
        <v>76086</v>
      </c>
      <c r="J10" s="17">
        <v>90948</v>
      </c>
      <c r="K10" s="17">
        <v>11959</v>
      </c>
      <c r="L10" s="17">
        <v>7638059</v>
      </c>
      <c r="M10" s="17">
        <v>12149320</v>
      </c>
      <c r="N10" s="17">
        <v>4680166</v>
      </c>
      <c r="O10" s="17">
        <v>7321510</v>
      </c>
      <c r="P10" s="17">
        <v>0</v>
      </c>
      <c r="Q10" s="17">
        <v>131019</v>
      </c>
      <c r="R10" s="17">
        <v>16625</v>
      </c>
      <c r="S10" s="17">
        <v>0</v>
      </c>
      <c r="T10" s="17">
        <v>0</v>
      </c>
      <c r="U10" s="17">
        <v>0</v>
      </c>
      <c r="V10" s="17">
        <v>210586</v>
      </c>
      <c r="W10" s="17">
        <v>777</v>
      </c>
      <c r="X10" s="17">
        <v>209809</v>
      </c>
      <c r="Y10" s="17">
        <v>0</v>
      </c>
      <c r="Z10" s="17">
        <v>0</v>
      </c>
      <c r="AA10" s="17">
        <v>0</v>
      </c>
      <c r="AB10" s="17">
        <v>0</v>
      </c>
      <c r="AC10" s="17">
        <v>0</v>
      </c>
      <c r="AD10" s="17">
        <v>0</v>
      </c>
      <c r="AE10" s="17">
        <v>0</v>
      </c>
      <c r="AF10" s="17">
        <v>0</v>
      </c>
      <c r="AG10" s="17">
        <v>6215599</v>
      </c>
      <c r="AH10" s="17">
        <v>2999541</v>
      </c>
      <c r="AI10" s="17">
        <v>520660</v>
      </c>
      <c r="AJ10" s="17">
        <v>1794820</v>
      </c>
      <c r="AK10" s="17">
        <v>8867987</v>
      </c>
      <c r="AL10" s="17">
        <v>0</v>
      </c>
      <c r="AM10" s="17">
        <v>107390503</v>
      </c>
    </row>
    <row r="11" spans="1:39" s="11" customFormat="1" ht="17.25" customHeight="1">
      <c r="A11" s="5" t="s">
        <v>58</v>
      </c>
      <c r="B11" s="17">
        <v>13442251</v>
      </c>
      <c r="C11" s="17">
        <v>845959</v>
      </c>
      <c r="D11" s="17">
        <v>15640872</v>
      </c>
      <c r="E11" s="17">
        <v>426626</v>
      </c>
      <c r="F11" s="17">
        <v>19312310</v>
      </c>
      <c r="G11" s="17">
        <v>5747082</v>
      </c>
      <c r="H11" s="17">
        <v>444266</v>
      </c>
      <c r="I11" s="17">
        <v>25672</v>
      </c>
      <c r="J11" s="17">
        <v>33478</v>
      </c>
      <c r="K11" s="17">
        <v>6753</v>
      </c>
      <c r="L11" s="17">
        <v>5236913</v>
      </c>
      <c r="M11" s="17">
        <v>5379509</v>
      </c>
      <c r="N11" s="17">
        <v>2257009</v>
      </c>
      <c r="O11" s="17">
        <v>3049500</v>
      </c>
      <c r="P11" s="17">
        <v>0</v>
      </c>
      <c r="Q11" s="17">
        <v>73000</v>
      </c>
      <c r="R11" s="17">
        <v>0</v>
      </c>
      <c r="S11" s="17">
        <v>0</v>
      </c>
      <c r="T11" s="17">
        <v>0</v>
      </c>
      <c r="U11" s="17">
        <v>0</v>
      </c>
      <c r="V11" s="17">
        <v>0</v>
      </c>
      <c r="W11" s="17">
        <v>0</v>
      </c>
      <c r="X11" s="17">
        <v>0</v>
      </c>
      <c r="Y11" s="17">
        <v>0</v>
      </c>
      <c r="Z11" s="17">
        <v>0</v>
      </c>
      <c r="AA11" s="17">
        <v>0</v>
      </c>
      <c r="AB11" s="17">
        <v>0</v>
      </c>
      <c r="AC11" s="17">
        <v>0</v>
      </c>
      <c r="AD11" s="17">
        <v>0</v>
      </c>
      <c r="AE11" s="17">
        <v>0</v>
      </c>
      <c r="AF11" s="17">
        <v>0</v>
      </c>
      <c r="AG11" s="17">
        <v>4289502</v>
      </c>
      <c r="AH11" s="17">
        <v>2438663</v>
      </c>
      <c r="AI11" s="17">
        <v>0</v>
      </c>
      <c r="AJ11" s="17">
        <v>337000</v>
      </c>
      <c r="AK11" s="17">
        <v>6696632</v>
      </c>
      <c r="AL11" s="17">
        <v>0</v>
      </c>
      <c r="AM11" s="17">
        <v>73710447</v>
      </c>
    </row>
    <row r="12" spans="1:39" s="11" customFormat="1" ht="17.25" customHeight="1">
      <c r="A12" s="5" t="s">
        <v>59</v>
      </c>
      <c r="B12" s="17">
        <v>30241900</v>
      </c>
      <c r="C12" s="17">
        <v>1348562</v>
      </c>
      <c r="D12" s="17">
        <v>31221216</v>
      </c>
      <c r="E12" s="17">
        <v>1283361</v>
      </c>
      <c r="F12" s="17">
        <v>57348621</v>
      </c>
      <c r="G12" s="17">
        <v>12662359</v>
      </c>
      <c r="H12" s="17">
        <v>373642</v>
      </c>
      <c r="I12" s="17">
        <v>44277</v>
      </c>
      <c r="J12" s="17">
        <v>2934</v>
      </c>
      <c r="K12" s="17">
        <v>14073</v>
      </c>
      <c r="L12" s="17">
        <v>12227433</v>
      </c>
      <c r="M12" s="17">
        <v>13685911</v>
      </c>
      <c r="N12" s="17">
        <v>7726616</v>
      </c>
      <c r="O12" s="17">
        <v>5952057</v>
      </c>
      <c r="P12" s="17">
        <v>0</v>
      </c>
      <c r="Q12" s="17">
        <v>7238</v>
      </c>
      <c r="R12" s="17">
        <v>0</v>
      </c>
      <c r="S12" s="17">
        <v>0</v>
      </c>
      <c r="T12" s="17">
        <v>0</v>
      </c>
      <c r="U12" s="17">
        <v>0</v>
      </c>
      <c r="V12" s="17">
        <v>0</v>
      </c>
      <c r="W12" s="17">
        <v>0</v>
      </c>
      <c r="X12" s="17">
        <v>0</v>
      </c>
      <c r="Y12" s="17">
        <v>0</v>
      </c>
      <c r="Z12" s="17">
        <v>0</v>
      </c>
      <c r="AA12" s="17">
        <v>0</v>
      </c>
      <c r="AB12" s="17">
        <v>0</v>
      </c>
      <c r="AC12" s="17">
        <v>0</v>
      </c>
      <c r="AD12" s="17">
        <v>0</v>
      </c>
      <c r="AE12" s="17">
        <v>0</v>
      </c>
      <c r="AF12" s="17">
        <v>0</v>
      </c>
      <c r="AG12" s="17">
        <v>9826117</v>
      </c>
      <c r="AH12" s="17">
        <v>3558599</v>
      </c>
      <c r="AI12" s="17">
        <v>214743</v>
      </c>
      <c r="AJ12" s="17">
        <v>940000</v>
      </c>
      <c r="AK12" s="17">
        <v>14891856</v>
      </c>
      <c r="AL12" s="17">
        <v>0</v>
      </c>
      <c r="AM12" s="17">
        <v>175874683</v>
      </c>
    </row>
    <row r="13" spans="1:39" s="11" customFormat="1" ht="17.25" customHeight="1">
      <c r="A13" s="5" t="s">
        <v>60</v>
      </c>
      <c r="B13" s="17">
        <v>15829287</v>
      </c>
      <c r="C13" s="17">
        <v>1127246</v>
      </c>
      <c r="D13" s="17">
        <v>13600337</v>
      </c>
      <c r="E13" s="17">
        <v>392141</v>
      </c>
      <c r="F13" s="17">
        <v>24700799</v>
      </c>
      <c r="G13" s="17">
        <v>7797129</v>
      </c>
      <c r="H13" s="17">
        <v>2247183</v>
      </c>
      <c r="I13" s="17">
        <v>5369</v>
      </c>
      <c r="J13" s="17">
        <v>17308</v>
      </c>
      <c r="K13" s="17">
        <v>6787</v>
      </c>
      <c r="L13" s="17">
        <v>5520482</v>
      </c>
      <c r="M13" s="17">
        <v>8759788</v>
      </c>
      <c r="N13" s="17">
        <v>3033834</v>
      </c>
      <c r="O13" s="17">
        <v>5588007</v>
      </c>
      <c r="P13" s="17">
        <v>0</v>
      </c>
      <c r="Q13" s="17">
        <v>137947</v>
      </c>
      <c r="R13" s="17">
        <v>0</v>
      </c>
      <c r="S13" s="17">
        <v>0</v>
      </c>
      <c r="T13" s="17">
        <v>0</v>
      </c>
      <c r="U13" s="17">
        <v>0</v>
      </c>
      <c r="V13" s="17">
        <v>198303</v>
      </c>
      <c r="W13" s="17">
        <v>63801</v>
      </c>
      <c r="X13" s="17">
        <v>134502</v>
      </c>
      <c r="Y13" s="17">
        <v>0</v>
      </c>
      <c r="Z13" s="17">
        <v>0</v>
      </c>
      <c r="AA13" s="17">
        <v>0</v>
      </c>
      <c r="AB13" s="17">
        <v>0</v>
      </c>
      <c r="AC13" s="17">
        <v>0</v>
      </c>
      <c r="AD13" s="17">
        <v>0</v>
      </c>
      <c r="AE13" s="17">
        <v>0</v>
      </c>
      <c r="AF13" s="17">
        <v>0</v>
      </c>
      <c r="AG13" s="17">
        <v>6109858</v>
      </c>
      <c r="AH13" s="17">
        <v>31865</v>
      </c>
      <c r="AI13" s="17">
        <v>444016</v>
      </c>
      <c r="AJ13" s="17">
        <v>658500</v>
      </c>
      <c r="AK13" s="17">
        <v>7430428</v>
      </c>
      <c r="AL13" s="17">
        <v>0</v>
      </c>
      <c r="AM13" s="17">
        <v>85952451</v>
      </c>
    </row>
    <row r="14" spans="1:39" s="11" customFormat="1" ht="17.25" customHeight="1">
      <c r="A14" s="5" t="s">
        <v>61</v>
      </c>
      <c r="B14" s="17">
        <v>16020331</v>
      </c>
      <c r="C14" s="17">
        <v>691730</v>
      </c>
      <c r="D14" s="17">
        <v>12587837</v>
      </c>
      <c r="E14" s="17">
        <v>471272</v>
      </c>
      <c r="F14" s="17">
        <v>27973551</v>
      </c>
      <c r="G14" s="17">
        <v>7801599</v>
      </c>
      <c r="H14" s="17">
        <v>831073</v>
      </c>
      <c r="I14" s="17">
        <v>142168</v>
      </c>
      <c r="J14" s="17">
        <v>750882</v>
      </c>
      <c r="K14" s="17">
        <v>8403</v>
      </c>
      <c r="L14" s="17">
        <v>6069073</v>
      </c>
      <c r="M14" s="17">
        <v>14586387</v>
      </c>
      <c r="N14" s="17">
        <v>2633414</v>
      </c>
      <c r="O14" s="17">
        <v>11905964</v>
      </c>
      <c r="P14" s="17">
        <v>0</v>
      </c>
      <c r="Q14" s="17">
        <v>0</v>
      </c>
      <c r="R14" s="17">
        <v>47009</v>
      </c>
      <c r="S14" s="17">
        <v>0</v>
      </c>
      <c r="T14" s="17">
        <v>0</v>
      </c>
      <c r="U14" s="17">
        <v>0</v>
      </c>
      <c r="V14" s="17">
        <v>480</v>
      </c>
      <c r="W14" s="17">
        <v>0</v>
      </c>
      <c r="X14" s="17">
        <v>480</v>
      </c>
      <c r="Y14" s="17">
        <v>0</v>
      </c>
      <c r="Z14" s="17">
        <v>0</v>
      </c>
      <c r="AA14" s="17">
        <v>0</v>
      </c>
      <c r="AB14" s="17">
        <v>0</v>
      </c>
      <c r="AC14" s="17">
        <v>0</v>
      </c>
      <c r="AD14" s="17">
        <v>0</v>
      </c>
      <c r="AE14" s="17">
        <v>0</v>
      </c>
      <c r="AF14" s="17">
        <v>0</v>
      </c>
      <c r="AG14" s="17">
        <v>5914281</v>
      </c>
      <c r="AH14" s="17">
        <v>4528723</v>
      </c>
      <c r="AI14" s="17">
        <v>232567</v>
      </c>
      <c r="AJ14" s="17">
        <v>1808947</v>
      </c>
      <c r="AK14" s="17">
        <v>7640647</v>
      </c>
      <c r="AL14" s="17">
        <v>0</v>
      </c>
      <c r="AM14" s="17">
        <v>99566622</v>
      </c>
    </row>
    <row r="15" spans="1:39" s="11" customFormat="1" ht="17.25" customHeight="1">
      <c r="A15" s="5" t="s">
        <v>62</v>
      </c>
      <c r="B15" s="17">
        <v>5043020</v>
      </c>
      <c r="C15" s="17">
        <v>213757</v>
      </c>
      <c r="D15" s="17">
        <v>4187539</v>
      </c>
      <c r="E15" s="17">
        <v>133017</v>
      </c>
      <c r="F15" s="17">
        <v>6012696</v>
      </c>
      <c r="G15" s="17">
        <v>1317015</v>
      </c>
      <c r="H15" s="17">
        <v>146533</v>
      </c>
      <c r="I15" s="17">
        <v>18403</v>
      </c>
      <c r="J15" s="17">
        <v>12925</v>
      </c>
      <c r="K15" s="17">
        <v>2589</v>
      </c>
      <c r="L15" s="17">
        <v>1136565</v>
      </c>
      <c r="M15" s="17">
        <v>1425148</v>
      </c>
      <c r="N15" s="17">
        <v>140093</v>
      </c>
      <c r="O15" s="17">
        <v>1191123</v>
      </c>
      <c r="P15" s="17">
        <v>0</v>
      </c>
      <c r="Q15" s="17">
        <v>92614</v>
      </c>
      <c r="R15" s="17">
        <v>1318</v>
      </c>
      <c r="S15" s="17">
        <v>0</v>
      </c>
      <c r="T15" s="17">
        <v>0</v>
      </c>
      <c r="U15" s="17">
        <v>0</v>
      </c>
      <c r="V15" s="17">
        <v>20152</v>
      </c>
      <c r="W15" s="17">
        <v>0</v>
      </c>
      <c r="X15" s="17">
        <v>20152</v>
      </c>
      <c r="Y15" s="17">
        <v>0</v>
      </c>
      <c r="Z15" s="17">
        <v>0</v>
      </c>
      <c r="AA15" s="17">
        <v>0</v>
      </c>
      <c r="AB15" s="17">
        <v>0</v>
      </c>
      <c r="AC15" s="17">
        <v>0</v>
      </c>
      <c r="AD15" s="17">
        <v>0</v>
      </c>
      <c r="AE15" s="17">
        <v>0</v>
      </c>
      <c r="AF15" s="17">
        <v>0</v>
      </c>
      <c r="AG15" s="17">
        <v>1739656</v>
      </c>
      <c r="AH15" s="17">
        <v>1745677</v>
      </c>
      <c r="AI15" s="17">
        <v>0</v>
      </c>
      <c r="AJ15" s="17">
        <v>20000</v>
      </c>
      <c r="AK15" s="17">
        <v>2618358</v>
      </c>
      <c r="AL15" s="17">
        <v>0</v>
      </c>
      <c r="AM15" s="17">
        <v>24262278</v>
      </c>
    </row>
    <row r="16" spans="1:39" s="11" customFormat="1" ht="17.25" customHeight="1">
      <c r="A16" s="5" t="s">
        <v>63</v>
      </c>
      <c r="B16" s="17">
        <v>3221133</v>
      </c>
      <c r="C16" s="17">
        <v>399621</v>
      </c>
      <c r="D16" s="17">
        <v>2946088</v>
      </c>
      <c r="E16" s="17">
        <v>175134</v>
      </c>
      <c r="F16" s="17">
        <v>4703027</v>
      </c>
      <c r="G16" s="17">
        <v>2508845</v>
      </c>
      <c r="H16" s="17">
        <v>82003</v>
      </c>
      <c r="I16" s="17">
        <v>4118</v>
      </c>
      <c r="J16" s="17">
        <v>722424</v>
      </c>
      <c r="K16" s="17">
        <v>2085</v>
      </c>
      <c r="L16" s="17">
        <v>1698215</v>
      </c>
      <c r="M16" s="17">
        <v>2722444</v>
      </c>
      <c r="N16" s="17">
        <v>1059697</v>
      </c>
      <c r="O16" s="17">
        <v>1588749</v>
      </c>
      <c r="P16" s="17">
        <v>0</v>
      </c>
      <c r="Q16" s="17">
        <v>69181</v>
      </c>
      <c r="R16" s="17">
        <v>4817</v>
      </c>
      <c r="S16" s="17">
        <v>0</v>
      </c>
      <c r="T16" s="17">
        <v>0</v>
      </c>
      <c r="U16" s="17">
        <v>0</v>
      </c>
      <c r="V16" s="17">
        <v>0</v>
      </c>
      <c r="W16" s="17">
        <v>0</v>
      </c>
      <c r="X16" s="17">
        <v>0</v>
      </c>
      <c r="Y16" s="17">
        <v>0</v>
      </c>
      <c r="Z16" s="17">
        <v>0</v>
      </c>
      <c r="AA16" s="17">
        <v>0</v>
      </c>
      <c r="AB16" s="17">
        <v>0</v>
      </c>
      <c r="AC16" s="17">
        <v>0</v>
      </c>
      <c r="AD16" s="17">
        <v>0</v>
      </c>
      <c r="AE16" s="17">
        <v>0</v>
      </c>
      <c r="AF16" s="17">
        <v>0</v>
      </c>
      <c r="AG16" s="17">
        <v>2046001</v>
      </c>
      <c r="AH16" s="17">
        <v>445607</v>
      </c>
      <c r="AI16" s="17">
        <v>15100</v>
      </c>
      <c r="AJ16" s="17">
        <v>11200</v>
      </c>
      <c r="AK16" s="17">
        <v>2172210</v>
      </c>
      <c r="AL16" s="17">
        <v>0</v>
      </c>
      <c r="AM16" s="17">
        <v>20966789</v>
      </c>
    </row>
    <row r="17" spans="1:39" s="11" customFormat="1" ht="17.25" customHeight="1">
      <c r="A17" s="5" t="s">
        <v>64</v>
      </c>
      <c r="B17" s="17">
        <v>10699296</v>
      </c>
      <c r="C17" s="17">
        <v>650810</v>
      </c>
      <c r="D17" s="17">
        <v>9003539</v>
      </c>
      <c r="E17" s="17">
        <v>410098</v>
      </c>
      <c r="F17" s="17">
        <v>19508944</v>
      </c>
      <c r="G17" s="17">
        <v>4541651</v>
      </c>
      <c r="H17" s="17">
        <v>196289</v>
      </c>
      <c r="I17" s="17">
        <v>22685</v>
      </c>
      <c r="J17" s="17">
        <v>12249</v>
      </c>
      <c r="K17" s="17">
        <v>1189675</v>
      </c>
      <c r="L17" s="17">
        <v>3120753</v>
      </c>
      <c r="M17" s="17">
        <v>5395053</v>
      </c>
      <c r="N17" s="17">
        <v>1560796</v>
      </c>
      <c r="O17" s="17">
        <v>3807239</v>
      </c>
      <c r="P17" s="17">
        <v>0</v>
      </c>
      <c r="Q17" s="17">
        <v>25537</v>
      </c>
      <c r="R17" s="17">
        <v>1481</v>
      </c>
      <c r="S17" s="17">
        <v>0</v>
      </c>
      <c r="T17" s="17">
        <v>0</v>
      </c>
      <c r="U17" s="17">
        <v>0</v>
      </c>
      <c r="V17" s="17">
        <v>5601</v>
      </c>
      <c r="W17" s="17">
        <v>5601</v>
      </c>
      <c r="X17" s="17">
        <v>0</v>
      </c>
      <c r="Y17" s="17">
        <v>0</v>
      </c>
      <c r="Z17" s="17">
        <v>0</v>
      </c>
      <c r="AA17" s="17">
        <v>0</v>
      </c>
      <c r="AB17" s="17">
        <v>0</v>
      </c>
      <c r="AC17" s="17">
        <v>0</v>
      </c>
      <c r="AD17" s="17">
        <v>0</v>
      </c>
      <c r="AE17" s="17">
        <v>0</v>
      </c>
      <c r="AF17" s="17">
        <v>0</v>
      </c>
      <c r="AG17" s="17">
        <v>3340690</v>
      </c>
      <c r="AH17" s="17">
        <v>587972</v>
      </c>
      <c r="AI17" s="17">
        <v>0</v>
      </c>
      <c r="AJ17" s="17">
        <v>366000</v>
      </c>
      <c r="AK17" s="17">
        <v>5818806</v>
      </c>
      <c r="AL17" s="17">
        <v>0</v>
      </c>
      <c r="AM17" s="17">
        <v>59677650</v>
      </c>
    </row>
    <row r="18" spans="1:39" s="11" customFormat="1" ht="17.25" customHeight="1">
      <c r="A18" s="5" t="s">
        <v>65</v>
      </c>
      <c r="B18" s="17">
        <v>16867696</v>
      </c>
      <c r="C18" s="17">
        <v>1018393</v>
      </c>
      <c r="D18" s="17">
        <v>17456481</v>
      </c>
      <c r="E18" s="17">
        <v>1768023</v>
      </c>
      <c r="F18" s="17">
        <v>29843253</v>
      </c>
      <c r="G18" s="17">
        <v>8509156</v>
      </c>
      <c r="H18" s="17">
        <v>826452</v>
      </c>
      <c r="I18" s="17">
        <v>58685</v>
      </c>
      <c r="J18" s="17">
        <v>69269</v>
      </c>
      <c r="K18" s="17">
        <v>544924</v>
      </c>
      <c r="L18" s="17">
        <v>7009826</v>
      </c>
      <c r="M18" s="17">
        <v>16292168</v>
      </c>
      <c r="N18" s="17">
        <v>2922797</v>
      </c>
      <c r="O18" s="17">
        <v>13319272</v>
      </c>
      <c r="P18" s="17">
        <v>0</v>
      </c>
      <c r="Q18" s="17">
        <v>50099</v>
      </c>
      <c r="R18" s="17">
        <v>0</v>
      </c>
      <c r="S18" s="17">
        <v>0</v>
      </c>
      <c r="T18" s="17">
        <v>0</v>
      </c>
      <c r="U18" s="17">
        <v>0</v>
      </c>
      <c r="V18" s="17">
        <v>0</v>
      </c>
      <c r="W18" s="17">
        <v>0</v>
      </c>
      <c r="X18" s="17">
        <v>0</v>
      </c>
      <c r="Y18" s="17">
        <v>0</v>
      </c>
      <c r="Z18" s="17">
        <v>0</v>
      </c>
      <c r="AA18" s="17">
        <v>0</v>
      </c>
      <c r="AB18" s="17">
        <v>0</v>
      </c>
      <c r="AC18" s="17">
        <v>0</v>
      </c>
      <c r="AD18" s="17">
        <v>0</v>
      </c>
      <c r="AE18" s="17">
        <v>0</v>
      </c>
      <c r="AF18" s="17">
        <v>0</v>
      </c>
      <c r="AG18" s="17">
        <v>6236551</v>
      </c>
      <c r="AH18" s="17">
        <v>3280222</v>
      </c>
      <c r="AI18" s="17">
        <v>0</v>
      </c>
      <c r="AJ18" s="17">
        <v>1891000</v>
      </c>
      <c r="AK18" s="17">
        <v>7343441</v>
      </c>
      <c r="AL18" s="17">
        <v>0</v>
      </c>
      <c r="AM18" s="17">
        <v>109487991</v>
      </c>
    </row>
    <row r="19" spans="1:39" s="11" customFormat="1" ht="17.25" customHeight="1">
      <c r="A19" s="5" t="s">
        <v>66</v>
      </c>
      <c r="B19" s="17">
        <v>14016207</v>
      </c>
      <c r="C19" s="17">
        <v>966168</v>
      </c>
      <c r="D19" s="17">
        <v>15033085</v>
      </c>
      <c r="E19" s="17">
        <v>548029</v>
      </c>
      <c r="F19" s="17">
        <v>34595527</v>
      </c>
      <c r="G19" s="17">
        <v>7225700</v>
      </c>
      <c r="H19" s="17">
        <v>395568</v>
      </c>
      <c r="I19" s="17">
        <v>47380</v>
      </c>
      <c r="J19" s="17">
        <v>4960</v>
      </c>
      <c r="K19" s="17">
        <v>109150</v>
      </c>
      <c r="L19" s="17">
        <v>6668642</v>
      </c>
      <c r="M19" s="17">
        <v>4136372</v>
      </c>
      <c r="N19" s="17">
        <v>1325977</v>
      </c>
      <c r="O19" s="17">
        <v>2810395</v>
      </c>
      <c r="P19" s="17">
        <v>0</v>
      </c>
      <c r="Q19" s="17">
        <v>0</v>
      </c>
      <c r="R19" s="17">
        <v>0</v>
      </c>
      <c r="S19" s="17">
        <v>0</v>
      </c>
      <c r="T19" s="17">
        <v>0</v>
      </c>
      <c r="U19" s="17">
        <v>0</v>
      </c>
      <c r="V19" s="17">
        <v>0</v>
      </c>
      <c r="W19" s="17">
        <v>0</v>
      </c>
      <c r="X19" s="17">
        <v>0</v>
      </c>
      <c r="Y19" s="17">
        <v>0</v>
      </c>
      <c r="Z19" s="17">
        <v>0</v>
      </c>
      <c r="AA19" s="17">
        <v>0</v>
      </c>
      <c r="AB19" s="17">
        <v>0</v>
      </c>
      <c r="AC19" s="17">
        <v>0</v>
      </c>
      <c r="AD19" s="17">
        <v>0</v>
      </c>
      <c r="AE19" s="17">
        <v>0</v>
      </c>
      <c r="AF19" s="17">
        <v>0</v>
      </c>
      <c r="AG19" s="17">
        <v>5940067</v>
      </c>
      <c r="AH19" s="17">
        <v>272178</v>
      </c>
      <c r="AI19" s="17">
        <v>0</v>
      </c>
      <c r="AJ19" s="17">
        <v>1195000</v>
      </c>
      <c r="AK19" s="17">
        <v>7658396</v>
      </c>
      <c r="AL19" s="17">
        <v>0</v>
      </c>
      <c r="AM19" s="17">
        <v>90620561</v>
      </c>
    </row>
    <row r="20" spans="1:39" s="11" customFormat="1" ht="17.25" customHeight="1">
      <c r="A20" s="5" t="s">
        <v>67</v>
      </c>
      <c r="B20" s="17">
        <v>6950779</v>
      </c>
      <c r="C20" s="17">
        <v>459025</v>
      </c>
      <c r="D20" s="17">
        <v>5606858</v>
      </c>
      <c r="E20" s="17">
        <v>283856</v>
      </c>
      <c r="F20" s="17">
        <v>12479348</v>
      </c>
      <c r="G20" s="17">
        <v>2925123</v>
      </c>
      <c r="H20" s="17">
        <v>233993</v>
      </c>
      <c r="I20" s="17">
        <v>17545</v>
      </c>
      <c r="J20" s="17">
        <v>15129</v>
      </c>
      <c r="K20" s="17">
        <v>767037</v>
      </c>
      <c r="L20" s="17">
        <v>1891419</v>
      </c>
      <c r="M20" s="17">
        <v>2955588</v>
      </c>
      <c r="N20" s="17">
        <v>1155972</v>
      </c>
      <c r="O20" s="17">
        <v>1397381</v>
      </c>
      <c r="P20" s="17">
        <v>0</v>
      </c>
      <c r="Q20" s="17">
        <v>25541</v>
      </c>
      <c r="R20" s="17">
        <v>376694</v>
      </c>
      <c r="S20" s="17">
        <v>0</v>
      </c>
      <c r="T20" s="17">
        <v>0</v>
      </c>
      <c r="U20" s="17">
        <v>0</v>
      </c>
      <c r="V20" s="17">
        <v>88155</v>
      </c>
      <c r="W20" s="17">
        <v>8480</v>
      </c>
      <c r="X20" s="17">
        <v>79675</v>
      </c>
      <c r="Y20" s="17">
        <v>0</v>
      </c>
      <c r="Z20" s="17">
        <v>0</v>
      </c>
      <c r="AA20" s="17">
        <v>0</v>
      </c>
      <c r="AB20" s="17">
        <v>0</v>
      </c>
      <c r="AC20" s="17">
        <v>0</v>
      </c>
      <c r="AD20" s="17">
        <v>0</v>
      </c>
      <c r="AE20" s="17">
        <v>0</v>
      </c>
      <c r="AF20" s="17">
        <v>0</v>
      </c>
      <c r="AG20" s="17">
        <v>2591444</v>
      </c>
      <c r="AH20" s="17">
        <v>351178</v>
      </c>
      <c r="AI20" s="17">
        <v>327040</v>
      </c>
      <c r="AJ20" s="17">
        <v>260000</v>
      </c>
      <c r="AK20" s="17">
        <v>3580435</v>
      </c>
      <c r="AL20" s="17">
        <v>0</v>
      </c>
      <c r="AM20" s="17">
        <v>38399804</v>
      </c>
    </row>
    <row r="21" spans="1:39" s="11" customFormat="1" ht="17.25" customHeight="1">
      <c r="A21" s="5" t="s">
        <v>68</v>
      </c>
      <c r="B21" s="17">
        <v>8832727</v>
      </c>
      <c r="C21" s="17">
        <v>576250</v>
      </c>
      <c r="D21" s="17">
        <v>10626735</v>
      </c>
      <c r="E21" s="17">
        <v>406800</v>
      </c>
      <c r="F21" s="17">
        <v>16729897</v>
      </c>
      <c r="G21" s="17">
        <v>4581916</v>
      </c>
      <c r="H21" s="17">
        <v>461434</v>
      </c>
      <c r="I21" s="17">
        <v>36270</v>
      </c>
      <c r="J21" s="17">
        <v>43469</v>
      </c>
      <c r="K21" s="17">
        <v>887018</v>
      </c>
      <c r="L21" s="17">
        <v>3153725</v>
      </c>
      <c r="M21" s="17">
        <v>3880071</v>
      </c>
      <c r="N21" s="17">
        <v>925447</v>
      </c>
      <c r="O21" s="17">
        <v>2954624</v>
      </c>
      <c r="P21" s="17">
        <v>0</v>
      </c>
      <c r="Q21" s="17">
        <v>0</v>
      </c>
      <c r="R21" s="17">
        <v>0</v>
      </c>
      <c r="S21" s="17">
        <v>0</v>
      </c>
      <c r="T21" s="17">
        <v>0</v>
      </c>
      <c r="U21" s="17">
        <v>0</v>
      </c>
      <c r="V21" s="17">
        <v>0</v>
      </c>
      <c r="W21" s="17">
        <v>0</v>
      </c>
      <c r="X21" s="17">
        <v>0</v>
      </c>
      <c r="Y21" s="17">
        <v>0</v>
      </c>
      <c r="Z21" s="17">
        <v>0</v>
      </c>
      <c r="AA21" s="17">
        <v>0</v>
      </c>
      <c r="AB21" s="17">
        <v>0</v>
      </c>
      <c r="AC21" s="17">
        <v>0</v>
      </c>
      <c r="AD21" s="17">
        <v>0</v>
      </c>
      <c r="AE21" s="17">
        <v>0</v>
      </c>
      <c r="AF21" s="17">
        <v>0</v>
      </c>
      <c r="AG21" s="17">
        <v>2990797</v>
      </c>
      <c r="AH21" s="17">
        <v>2810072</v>
      </c>
      <c r="AI21" s="17">
        <v>0</v>
      </c>
      <c r="AJ21" s="17">
        <v>75200</v>
      </c>
      <c r="AK21" s="17">
        <v>4677158</v>
      </c>
      <c r="AL21" s="17">
        <v>0</v>
      </c>
      <c r="AM21" s="17">
        <v>55611373</v>
      </c>
    </row>
    <row r="22" spans="1:39" s="11" customFormat="1" ht="17.25" customHeight="1">
      <c r="A22" s="5" t="s">
        <v>69</v>
      </c>
      <c r="B22" s="17">
        <v>9039368</v>
      </c>
      <c r="C22" s="17">
        <v>504743</v>
      </c>
      <c r="D22" s="17">
        <v>7055199</v>
      </c>
      <c r="E22" s="17">
        <v>629217</v>
      </c>
      <c r="F22" s="17">
        <v>18066848</v>
      </c>
      <c r="G22" s="17">
        <v>2722549</v>
      </c>
      <c r="H22" s="17">
        <v>426457</v>
      </c>
      <c r="I22" s="17">
        <v>48441</v>
      </c>
      <c r="J22" s="17">
        <v>50292</v>
      </c>
      <c r="K22" s="17">
        <v>929002</v>
      </c>
      <c r="L22" s="17">
        <v>1268357</v>
      </c>
      <c r="M22" s="17">
        <v>2921546</v>
      </c>
      <c r="N22" s="17">
        <v>663538</v>
      </c>
      <c r="O22" s="17">
        <v>2249486</v>
      </c>
      <c r="P22" s="17">
        <v>0</v>
      </c>
      <c r="Q22" s="17">
        <v>5715</v>
      </c>
      <c r="R22" s="17">
        <v>2807</v>
      </c>
      <c r="S22" s="17">
        <v>0</v>
      </c>
      <c r="T22" s="17">
        <v>0</v>
      </c>
      <c r="U22" s="17">
        <v>0</v>
      </c>
      <c r="V22" s="17">
        <v>0</v>
      </c>
      <c r="W22" s="17">
        <v>0</v>
      </c>
      <c r="X22" s="17">
        <v>0</v>
      </c>
      <c r="Y22" s="17">
        <v>0</v>
      </c>
      <c r="Z22" s="17">
        <v>0</v>
      </c>
      <c r="AA22" s="17">
        <v>0</v>
      </c>
      <c r="AB22" s="17">
        <v>0</v>
      </c>
      <c r="AC22" s="17">
        <v>0</v>
      </c>
      <c r="AD22" s="17">
        <v>0</v>
      </c>
      <c r="AE22" s="17">
        <v>0</v>
      </c>
      <c r="AF22" s="17">
        <v>0</v>
      </c>
      <c r="AG22" s="17">
        <v>2636620</v>
      </c>
      <c r="AH22" s="17">
        <v>3398304</v>
      </c>
      <c r="AI22" s="17">
        <v>0</v>
      </c>
      <c r="AJ22" s="17">
        <v>50360</v>
      </c>
      <c r="AK22" s="17">
        <v>4581386</v>
      </c>
      <c r="AL22" s="17">
        <v>0</v>
      </c>
      <c r="AM22" s="17">
        <v>51101397</v>
      </c>
    </row>
    <row r="23" spans="1:39" s="11" customFormat="1" ht="17.25" customHeight="1">
      <c r="A23" s="5" t="s">
        <v>70</v>
      </c>
      <c r="B23" s="17">
        <v>3105485</v>
      </c>
      <c r="C23" s="17">
        <v>218018</v>
      </c>
      <c r="D23" s="17">
        <v>3751997</v>
      </c>
      <c r="E23" s="17">
        <v>400487</v>
      </c>
      <c r="F23" s="17">
        <v>4460760</v>
      </c>
      <c r="G23" s="17">
        <v>2029004</v>
      </c>
      <c r="H23" s="17">
        <v>151194</v>
      </c>
      <c r="I23" s="17">
        <v>22484</v>
      </c>
      <c r="J23" s="17">
        <v>741601</v>
      </c>
      <c r="K23" s="17">
        <v>44288</v>
      </c>
      <c r="L23" s="17">
        <v>1069437</v>
      </c>
      <c r="M23" s="17">
        <v>1192646</v>
      </c>
      <c r="N23" s="17">
        <v>181900</v>
      </c>
      <c r="O23" s="17">
        <v>996729</v>
      </c>
      <c r="P23" s="17">
        <v>0</v>
      </c>
      <c r="Q23" s="17">
        <v>14017</v>
      </c>
      <c r="R23" s="17">
        <v>0</v>
      </c>
      <c r="S23" s="17">
        <v>0</v>
      </c>
      <c r="T23" s="17">
        <v>0</v>
      </c>
      <c r="U23" s="17">
        <v>0</v>
      </c>
      <c r="V23" s="17">
        <v>26824</v>
      </c>
      <c r="W23" s="17">
        <v>3146</v>
      </c>
      <c r="X23" s="17">
        <v>23678</v>
      </c>
      <c r="Y23" s="17">
        <v>0</v>
      </c>
      <c r="Z23" s="17">
        <v>0</v>
      </c>
      <c r="AA23" s="17">
        <v>0</v>
      </c>
      <c r="AB23" s="17">
        <v>0</v>
      </c>
      <c r="AC23" s="17">
        <v>0</v>
      </c>
      <c r="AD23" s="17">
        <v>0</v>
      </c>
      <c r="AE23" s="17">
        <v>0</v>
      </c>
      <c r="AF23" s="17">
        <v>0</v>
      </c>
      <c r="AG23" s="17">
        <v>1282543</v>
      </c>
      <c r="AH23" s="17">
        <v>1737775</v>
      </c>
      <c r="AI23" s="17">
        <v>1147</v>
      </c>
      <c r="AJ23" s="17">
        <v>34600</v>
      </c>
      <c r="AK23" s="17">
        <v>1487922</v>
      </c>
      <c r="AL23" s="17">
        <v>0</v>
      </c>
      <c r="AM23" s="17">
        <v>19511190</v>
      </c>
    </row>
    <row r="24" spans="1:39" ht="17.25" customHeight="1">
      <c r="A24" s="20" t="s">
        <v>71</v>
      </c>
      <c r="B24" s="21">
        <v>6479490</v>
      </c>
      <c r="C24" s="21">
        <v>373168</v>
      </c>
      <c r="D24" s="21">
        <v>5548851</v>
      </c>
      <c r="E24" s="21">
        <v>129994</v>
      </c>
      <c r="F24" s="21">
        <v>9821968</v>
      </c>
      <c r="G24" s="21">
        <v>2830456</v>
      </c>
      <c r="H24" s="21">
        <v>194293</v>
      </c>
      <c r="I24" s="21">
        <v>142352</v>
      </c>
      <c r="J24" s="21">
        <v>38421</v>
      </c>
      <c r="K24" s="21">
        <v>783593</v>
      </c>
      <c r="L24" s="21">
        <v>1671797</v>
      </c>
      <c r="M24" s="21">
        <v>3200089</v>
      </c>
      <c r="N24" s="21">
        <v>1360920</v>
      </c>
      <c r="O24" s="21">
        <v>1836272</v>
      </c>
      <c r="P24" s="17">
        <v>0</v>
      </c>
      <c r="Q24" s="21">
        <v>0</v>
      </c>
      <c r="R24" s="21">
        <v>2897</v>
      </c>
      <c r="S24" s="21">
        <v>0</v>
      </c>
      <c r="T24" s="21">
        <v>0</v>
      </c>
      <c r="U24" s="21">
        <v>0</v>
      </c>
      <c r="V24" s="21">
        <v>0</v>
      </c>
      <c r="W24" s="21">
        <v>0</v>
      </c>
      <c r="X24" s="21">
        <v>0</v>
      </c>
      <c r="Y24" s="21">
        <v>0</v>
      </c>
      <c r="Z24" s="21">
        <v>0</v>
      </c>
      <c r="AA24" s="21">
        <v>0</v>
      </c>
      <c r="AB24" s="21">
        <v>0</v>
      </c>
      <c r="AC24" s="21">
        <v>0</v>
      </c>
      <c r="AD24" s="21">
        <v>0</v>
      </c>
      <c r="AE24" s="21">
        <v>0</v>
      </c>
      <c r="AF24" s="21">
        <v>0</v>
      </c>
      <c r="AG24" s="21">
        <v>1752009</v>
      </c>
      <c r="AH24" s="21">
        <v>467353</v>
      </c>
      <c r="AI24" s="21">
        <v>31685</v>
      </c>
      <c r="AJ24" s="21">
        <v>30000</v>
      </c>
      <c r="AK24" s="21">
        <v>3331585</v>
      </c>
      <c r="AL24" s="21">
        <v>0</v>
      </c>
      <c r="AM24" s="21">
        <v>33623480</v>
      </c>
    </row>
    <row r="25" spans="1:39" ht="17.25" customHeight="1">
      <c r="A25" s="5" t="s">
        <v>72</v>
      </c>
      <c r="B25" s="17">
        <v>3158001</v>
      </c>
      <c r="C25" s="17">
        <v>208100</v>
      </c>
      <c r="D25" s="17">
        <v>2026603</v>
      </c>
      <c r="E25" s="17">
        <v>47336</v>
      </c>
      <c r="F25" s="17">
        <v>2640103</v>
      </c>
      <c r="G25" s="17">
        <v>1446633</v>
      </c>
      <c r="H25" s="17">
        <v>136906</v>
      </c>
      <c r="I25" s="17">
        <v>22493</v>
      </c>
      <c r="J25" s="17">
        <v>88009</v>
      </c>
      <c r="K25" s="17">
        <v>106429</v>
      </c>
      <c r="L25" s="17">
        <v>1092796</v>
      </c>
      <c r="M25" s="17">
        <v>1436104</v>
      </c>
      <c r="N25" s="17">
        <v>783882</v>
      </c>
      <c r="O25" s="17">
        <v>647824</v>
      </c>
      <c r="P25" s="17">
        <v>0</v>
      </c>
      <c r="Q25" s="17">
        <v>2304</v>
      </c>
      <c r="R25" s="17">
        <v>2094</v>
      </c>
      <c r="S25" s="17">
        <v>0</v>
      </c>
      <c r="T25" s="17">
        <v>0</v>
      </c>
      <c r="U25" s="17">
        <v>0</v>
      </c>
      <c r="V25" s="17">
        <v>0</v>
      </c>
      <c r="W25" s="17">
        <v>0</v>
      </c>
      <c r="X25" s="17">
        <v>0</v>
      </c>
      <c r="Y25" s="17">
        <v>0</v>
      </c>
      <c r="Z25" s="17">
        <v>0</v>
      </c>
      <c r="AA25" s="17">
        <v>0</v>
      </c>
      <c r="AB25" s="17">
        <v>0</v>
      </c>
      <c r="AC25" s="17">
        <v>0</v>
      </c>
      <c r="AD25" s="17">
        <v>0</v>
      </c>
      <c r="AE25" s="17">
        <v>0</v>
      </c>
      <c r="AF25" s="17">
        <v>0</v>
      </c>
      <c r="AG25" s="17">
        <v>521872</v>
      </c>
      <c r="AH25" s="17">
        <v>856921</v>
      </c>
      <c r="AI25" s="17">
        <v>50000</v>
      </c>
      <c r="AJ25" s="17">
        <v>4000</v>
      </c>
      <c r="AK25" s="17">
        <v>1365430</v>
      </c>
      <c r="AL25" s="17">
        <v>0</v>
      </c>
      <c r="AM25" s="17">
        <v>13553003</v>
      </c>
    </row>
    <row r="26" spans="1:39" s="11" customFormat="1" ht="17.25" customHeight="1">
      <c r="A26" s="5" t="s">
        <v>73</v>
      </c>
      <c r="B26" s="17">
        <v>3166739</v>
      </c>
      <c r="C26" s="17">
        <v>202975</v>
      </c>
      <c r="D26" s="17">
        <v>3751176</v>
      </c>
      <c r="E26" s="17">
        <v>102865</v>
      </c>
      <c r="F26" s="17">
        <v>5099215</v>
      </c>
      <c r="G26" s="17">
        <v>1846744</v>
      </c>
      <c r="H26" s="17">
        <v>109015</v>
      </c>
      <c r="I26" s="17">
        <v>17823</v>
      </c>
      <c r="J26" s="17">
        <v>991271</v>
      </c>
      <c r="K26" s="17">
        <v>16621</v>
      </c>
      <c r="L26" s="17">
        <v>712014</v>
      </c>
      <c r="M26" s="17">
        <v>1664960</v>
      </c>
      <c r="N26" s="17">
        <v>310110</v>
      </c>
      <c r="O26" s="17">
        <v>1176024</v>
      </c>
      <c r="P26" s="17">
        <v>0</v>
      </c>
      <c r="Q26" s="17">
        <v>5082</v>
      </c>
      <c r="R26" s="17">
        <v>173744</v>
      </c>
      <c r="S26" s="17">
        <v>0</v>
      </c>
      <c r="T26" s="17">
        <v>0</v>
      </c>
      <c r="U26" s="17">
        <v>0</v>
      </c>
      <c r="V26" s="17">
        <v>0</v>
      </c>
      <c r="W26" s="17">
        <v>0</v>
      </c>
      <c r="X26" s="17">
        <v>0</v>
      </c>
      <c r="Y26" s="17">
        <v>0</v>
      </c>
      <c r="Z26" s="17">
        <v>0</v>
      </c>
      <c r="AA26" s="17">
        <v>0</v>
      </c>
      <c r="AB26" s="17">
        <v>0</v>
      </c>
      <c r="AC26" s="17">
        <v>0</v>
      </c>
      <c r="AD26" s="17">
        <v>0</v>
      </c>
      <c r="AE26" s="17">
        <v>0</v>
      </c>
      <c r="AF26" s="17">
        <v>0</v>
      </c>
      <c r="AG26" s="17">
        <v>989087</v>
      </c>
      <c r="AH26" s="17">
        <v>2032456</v>
      </c>
      <c r="AI26" s="17">
        <v>0</v>
      </c>
      <c r="AJ26" s="17">
        <v>90000</v>
      </c>
      <c r="AK26" s="17">
        <v>1628199</v>
      </c>
      <c r="AL26" s="17">
        <v>0</v>
      </c>
      <c r="AM26" s="17">
        <v>20371441</v>
      </c>
    </row>
    <row r="27" spans="1:39" s="11" customFormat="1" ht="17.25" customHeight="1">
      <c r="A27" s="5" t="s">
        <v>74</v>
      </c>
      <c r="B27" s="17">
        <v>2773526</v>
      </c>
      <c r="C27" s="17">
        <v>174789</v>
      </c>
      <c r="D27" s="17">
        <v>1871203</v>
      </c>
      <c r="E27" s="17">
        <v>93762</v>
      </c>
      <c r="F27" s="17">
        <v>2412717</v>
      </c>
      <c r="G27" s="17">
        <v>1199284</v>
      </c>
      <c r="H27" s="17">
        <v>17589</v>
      </c>
      <c r="I27" s="17">
        <v>37075</v>
      </c>
      <c r="J27" s="17">
        <v>136054</v>
      </c>
      <c r="K27" s="17">
        <v>92334</v>
      </c>
      <c r="L27" s="17">
        <v>916232</v>
      </c>
      <c r="M27" s="17">
        <v>1130024</v>
      </c>
      <c r="N27" s="17">
        <v>457055</v>
      </c>
      <c r="O27" s="17">
        <v>671664</v>
      </c>
      <c r="P27" s="17">
        <v>0</v>
      </c>
      <c r="Q27" s="17">
        <v>0</v>
      </c>
      <c r="R27" s="17">
        <v>1305</v>
      </c>
      <c r="S27" s="17">
        <v>0</v>
      </c>
      <c r="T27" s="17">
        <v>0</v>
      </c>
      <c r="U27" s="17">
        <v>0</v>
      </c>
      <c r="V27" s="17">
        <v>100513</v>
      </c>
      <c r="W27" s="17">
        <v>0</v>
      </c>
      <c r="X27" s="17">
        <v>100513</v>
      </c>
      <c r="Y27" s="17">
        <v>0</v>
      </c>
      <c r="Z27" s="17">
        <v>0</v>
      </c>
      <c r="AA27" s="17">
        <v>0</v>
      </c>
      <c r="AB27" s="17">
        <v>0</v>
      </c>
      <c r="AC27" s="17">
        <v>0</v>
      </c>
      <c r="AD27" s="17">
        <v>0</v>
      </c>
      <c r="AE27" s="17">
        <v>0</v>
      </c>
      <c r="AF27" s="17">
        <v>0</v>
      </c>
      <c r="AG27" s="17">
        <v>698840</v>
      </c>
      <c r="AH27" s="17">
        <v>873828</v>
      </c>
      <c r="AI27" s="17">
        <v>0</v>
      </c>
      <c r="AJ27" s="17">
        <v>27000</v>
      </c>
      <c r="AK27" s="17">
        <v>1277276</v>
      </c>
      <c r="AL27" s="17">
        <v>0</v>
      </c>
      <c r="AM27" s="17">
        <v>12457973</v>
      </c>
    </row>
    <row r="28" spans="1:39" s="11" customFormat="1" ht="17.25" customHeight="1">
      <c r="A28" s="5" t="s">
        <v>75</v>
      </c>
      <c r="B28" s="17">
        <v>2242534</v>
      </c>
      <c r="C28" s="17">
        <v>131546</v>
      </c>
      <c r="D28" s="17">
        <v>1562333</v>
      </c>
      <c r="E28" s="17">
        <v>125745</v>
      </c>
      <c r="F28" s="17">
        <v>2080214</v>
      </c>
      <c r="G28" s="17">
        <v>965904</v>
      </c>
      <c r="H28" s="17">
        <v>71815</v>
      </c>
      <c r="I28" s="17">
        <v>2717</v>
      </c>
      <c r="J28" s="17">
        <v>153947</v>
      </c>
      <c r="K28" s="17">
        <v>79063</v>
      </c>
      <c r="L28" s="17">
        <v>658362</v>
      </c>
      <c r="M28" s="17">
        <v>938517</v>
      </c>
      <c r="N28" s="17">
        <v>155888</v>
      </c>
      <c r="O28" s="17">
        <v>782629</v>
      </c>
      <c r="P28" s="17">
        <v>0</v>
      </c>
      <c r="Q28" s="17">
        <v>0</v>
      </c>
      <c r="R28" s="17">
        <v>0</v>
      </c>
      <c r="S28" s="17">
        <v>0</v>
      </c>
      <c r="T28" s="17">
        <v>0</v>
      </c>
      <c r="U28" s="17">
        <v>0</v>
      </c>
      <c r="V28" s="17">
        <v>0</v>
      </c>
      <c r="W28" s="17">
        <v>0</v>
      </c>
      <c r="X28" s="17">
        <v>0</v>
      </c>
      <c r="Y28" s="17">
        <v>0</v>
      </c>
      <c r="Z28" s="17">
        <v>0</v>
      </c>
      <c r="AA28" s="17">
        <v>0</v>
      </c>
      <c r="AB28" s="17">
        <v>0</v>
      </c>
      <c r="AC28" s="17">
        <v>0</v>
      </c>
      <c r="AD28" s="17">
        <v>0</v>
      </c>
      <c r="AE28" s="17">
        <v>0</v>
      </c>
      <c r="AF28" s="17">
        <v>0</v>
      </c>
      <c r="AG28" s="17">
        <v>707810</v>
      </c>
      <c r="AH28" s="17">
        <v>317155</v>
      </c>
      <c r="AI28" s="17">
        <v>0</v>
      </c>
      <c r="AJ28" s="17">
        <v>25000</v>
      </c>
      <c r="AK28" s="17">
        <v>1130349</v>
      </c>
      <c r="AL28" s="17">
        <v>0</v>
      </c>
      <c r="AM28" s="17">
        <v>10095561</v>
      </c>
    </row>
    <row r="29" spans="1:39" s="11" customFormat="1" ht="17.25" customHeight="1">
      <c r="A29" s="5" t="s">
        <v>76</v>
      </c>
      <c r="B29" s="17">
        <v>1045325</v>
      </c>
      <c r="C29" s="17">
        <v>74467</v>
      </c>
      <c r="D29" s="17">
        <v>845590</v>
      </c>
      <c r="E29" s="17">
        <v>47574</v>
      </c>
      <c r="F29" s="17">
        <v>607210</v>
      </c>
      <c r="G29" s="17">
        <v>751420</v>
      </c>
      <c r="H29" s="17">
        <v>14739</v>
      </c>
      <c r="I29" s="17">
        <v>2182</v>
      </c>
      <c r="J29" s="17">
        <v>158519</v>
      </c>
      <c r="K29" s="17">
        <v>153789</v>
      </c>
      <c r="L29" s="17">
        <v>422191</v>
      </c>
      <c r="M29" s="17">
        <v>826140</v>
      </c>
      <c r="N29" s="17">
        <v>166154</v>
      </c>
      <c r="O29" s="17">
        <v>655752</v>
      </c>
      <c r="P29" s="17">
        <v>0</v>
      </c>
      <c r="Q29" s="17">
        <v>4216</v>
      </c>
      <c r="R29" s="17">
        <v>18</v>
      </c>
      <c r="S29" s="17">
        <v>0</v>
      </c>
      <c r="T29" s="17">
        <v>0</v>
      </c>
      <c r="U29" s="17">
        <v>0</v>
      </c>
      <c r="V29" s="17">
        <v>7029</v>
      </c>
      <c r="W29" s="17">
        <v>5874</v>
      </c>
      <c r="X29" s="17">
        <v>1155</v>
      </c>
      <c r="Y29" s="17">
        <v>0</v>
      </c>
      <c r="Z29" s="17">
        <v>0</v>
      </c>
      <c r="AA29" s="17">
        <v>0</v>
      </c>
      <c r="AB29" s="17">
        <v>0</v>
      </c>
      <c r="AC29" s="17">
        <v>0</v>
      </c>
      <c r="AD29" s="17">
        <v>0</v>
      </c>
      <c r="AE29" s="17">
        <v>0</v>
      </c>
      <c r="AF29" s="17">
        <v>0</v>
      </c>
      <c r="AG29" s="17">
        <v>65767</v>
      </c>
      <c r="AH29" s="17">
        <v>2667</v>
      </c>
      <c r="AI29" s="17">
        <v>0</v>
      </c>
      <c r="AJ29" s="17">
        <v>16839</v>
      </c>
      <c r="AK29" s="17">
        <v>393141</v>
      </c>
      <c r="AL29" s="17">
        <v>0</v>
      </c>
      <c r="AM29" s="17">
        <v>4608702</v>
      </c>
    </row>
    <row r="30" spans="1:39" s="11" customFormat="1" ht="17.25" customHeight="1">
      <c r="A30" s="5" t="s">
        <v>77</v>
      </c>
      <c r="B30" s="17">
        <v>1503383</v>
      </c>
      <c r="C30" s="17">
        <v>85836</v>
      </c>
      <c r="D30" s="17">
        <v>1015148</v>
      </c>
      <c r="E30" s="17">
        <v>38493</v>
      </c>
      <c r="F30" s="17">
        <v>1527670</v>
      </c>
      <c r="G30" s="17">
        <v>1044097</v>
      </c>
      <c r="H30" s="17">
        <v>45286</v>
      </c>
      <c r="I30" s="17">
        <v>18167</v>
      </c>
      <c r="J30" s="17">
        <v>301878</v>
      </c>
      <c r="K30" s="17">
        <v>203627</v>
      </c>
      <c r="L30" s="17">
        <v>475139</v>
      </c>
      <c r="M30" s="17">
        <v>400591</v>
      </c>
      <c r="N30" s="17">
        <v>78094</v>
      </c>
      <c r="O30" s="17">
        <v>320021</v>
      </c>
      <c r="P30" s="17">
        <v>0</v>
      </c>
      <c r="Q30" s="17">
        <v>1895</v>
      </c>
      <c r="R30" s="17">
        <v>581</v>
      </c>
      <c r="S30" s="17">
        <v>0</v>
      </c>
      <c r="T30" s="17">
        <v>0</v>
      </c>
      <c r="U30" s="17">
        <v>0</v>
      </c>
      <c r="V30" s="17">
        <v>4027</v>
      </c>
      <c r="W30" s="17">
        <v>1999</v>
      </c>
      <c r="X30" s="17">
        <v>2028</v>
      </c>
      <c r="Y30" s="17">
        <v>0</v>
      </c>
      <c r="Z30" s="17">
        <v>0</v>
      </c>
      <c r="AA30" s="17">
        <v>0</v>
      </c>
      <c r="AB30" s="17">
        <v>0</v>
      </c>
      <c r="AC30" s="17">
        <v>0</v>
      </c>
      <c r="AD30" s="17">
        <v>0</v>
      </c>
      <c r="AE30" s="17">
        <v>0</v>
      </c>
      <c r="AF30" s="17">
        <v>0</v>
      </c>
      <c r="AG30" s="17">
        <v>253092</v>
      </c>
      <c r="AH30" s="17">
        <v>46726</v>
      </c>
      <c r="AI30" s="17">
        <v>0</v>
      </c>
      <c r="AJ30" s="17">
        <v>38820</v>
      </c>
      <c r="AK30" s="17">
        <v>568979</v>
      </c>
      <c r="AL30" s="17">
        <v>0</v>
      </c>
      <c r="AM30" s="17">
        <v>6441026</v>
      </c>
    </row>
    <row r="31" spans="1:39" s="11" customFormat="1" ht="17.25" customHeight="1">
      <c r="A31" s="5" t="s">
        <v>78</v>
      </c>
      <c r="B31" s="17">
        <v>1083798</v>
      </c>
      <c r="C31" s="17">
        <v>69652</v>
      </c>
      <c r="D31" s="17">
        <v>805069</v>
      </c>
      <c r="E31" s="17">
        <v>13902</v>
      </c>
      <c r="F31" s="17">
        <v>947789</v>
      </c>
      <c r="G31" s="17">
        <v>697689</v>
      </c>
      <c r="H31" s="17">
        <v>39166</v>
      </c>
      <c r="I31" s="17">
        <v>10456</v>
      </c>
      <c r="J31" s="17">
        <v>194331</v>
      </c>
      <c r="K31" s="17">
        <v>172066</v>
      </c>
      <c r="L31" s="17">
        <v>281670</v>
      </c>
      <c r="M31" s="17">
        <v>682563</v>
      </c>
      <c r="N31" s="17">
        <v>435051</v>
      </c>
      <c r="O31" s="17">
        <v>246877</v>
      </c>
      <c r="P31" s="17">
        <v>0</v>
      </c>
      <c r="Q31" s="17">
        <v>0</v>
      </c>
      <c r="R31" s="17">
        <v>635</v>
      </c>
      <c r="S31" s="17">
        <v>0</v>
      </c>
      <c r="T31" s="17">
        <v>0</v>
      </c>
      <c r="U31" s="17">
        <v>0</v>
      </c>
      <c r="V31" s="17">
        <v>4453</v>
      </c>
      <c r="W31" s="17">
        <v>0</v>
      </c>
      <c r="X31" s="17">
        <v>4453</v>
      </c>
      <c r="Y31" s="17">
        <v>0</v>
      </c>
      <c r="Z31" s="17">
        <v>0</v>
      </c>
      <c r="AA31" s="17">
        <v>0</v>
      </c>
      <c r="AB31" s="17">
        <v>0</v>
      </c>
      <c r="AC31" s="17">
        <v>0</v>
      </c>
      <c r="AD31" s="17">
        <v>0</v>
      </c>
      <c r="AE31" s="17">
        <v>0</v>
      </c>
      <c r="AF31" s="17">
        <v>0</v>
      </c>
      <c r="AG31" s="17">
        <v>447818</v>
      </c>
      <c r="AH31" s="17">
        <v>350752</v>
      </c>
      <c r="AI31" s="17">
        <v>0</v>
      </c>
      <c r="AJ31" s="17">
        <v>15000</v>
      </c>
      <c r="AK31" s="17">
        <v>487032</v>
      </c>
      <c r="AL31" s="17">
        <v>0</v>
      </c>
      <c r="AM31" s="17">
        <v>5535865</v>
      </c>
    </row>
    <row r="32" spans="1:39" s="11" customFormat="1" ht="17.25" customHeight="1">
      <c r="A32" s="5" t="s">
        <v>79</v>
      </c>
      <c r="B32" s="17">
        <v>1361848</v>
      </c>
      <c r="C32" s="17">
        <v>89612</v>
      </c>
      <c r="D32" s="17">
        <v>1116039</v>
      </c>
      <c r="E32" s="17">
        <v>39755</v>
      </c>
      <c r="F32" s="17">
        <v>638667</v>
      </c>
      <c r="G32" s="17">
        <v>724600</v>
      </c>
      <c r="H32" s="17">
        <v>13598</v>
      </c>
      <c r="I32" s="17">
        <v>12279</v>
      </c>
      <c r="J32" s="17">
        <v>172619</v>
      </c>
      <c r="K32" s="17">
        <v>189798</v>
      </c>
      <c r="L32" s="17">
        <v>336306</v>
      </c>
      <c r="M32" s="17">
        <v>730741</v>
      </c>
      <c r="N32" s="17">
        <v>387929</v>
      </c>
      <c r="O32" s="17">
        <v>328013</v>
      </c>
      <c r="P32" s="17">
        <v>0</v>
      </c>
      <c r="Q32" s="17">
        <v>14799</v>
      </c>
      <c r="R32" s="17">
        <v>0</v>
      </c>
      <c r="S32" s="17">
        <v>0</v>
      </c>
      <c r="T32" s="17">
        <v>0</v>
      </c>
      <c r="U32" s="17">
        <v>0</v>
      </c>
      <c r="V32" s="17">
        <v>70048</v>
      </c>
      <c r="W32" s="17">
        <v>0</v>
      </c>
      <c r="X32" s="17">
        <v>70048</v>
      </c>
      <c r="Y32" s="17">
        <v>0</v>
      </c>
      <c r="Z32" s="17">
        <v>0</v>
      </c>
      <c r="AA32" s="17">
        <v>0</v>
      </c>
      <c r="AB32" s="17">
        <v>0</v>
      </c>
      <c r="AC32" s="17">
        <v>0</v>
      </c>
      <c r="AD32" s="17">
        <v>0</v>
      </c>
      <c r="AE32" s="17">
        <v>0</v>
      </c>
      <c r="AF32" s="17">
        <v>0</v>
      </c>
      <c r="AG32" s="17">
        <v>417016</v>
      </c>
      <c r="AH32" s="17">
        <v>359357</v>
      </c>
      <c r="AI32" s="17">
        <v>74906</v>
      </c>
      <c r="AJ32" s="17">
        <v>480</v>
      </c>
      <c r="AK32" s="17">
        <v>477488</v>
      </c>
      <c r="AL32" s="17">
        <v>0</v>
      </c>
      <c r="AM32" s="17">
        <v>6010945</v>
      </c>
    </row>
    <row r="33" spans="1:39" s="11" customFormat="1" ht="17.25" customHeight="1">
      <c r="A33" s="5" t="s">
        <v>80</v>
      </c>
      <c r="B33" s="17">
        <v>1181188</v>
      </c>
      <c r="C33" s="17">
        <v>88533</v>
      </c>
      <c r="D33" s="17">
        <v>1359868</v>
      </c>
      <c r="E33" s="17">
        <v>46672</v>
      </c>
      <c r="F33" s="17">
        <v>1864356</v>
      </c>
      <c r="G33" s="17">
        <v>1102869</v>
      </c>
      <c r="H33" s="17">
        <v>49206</v>
      </c>
      <c r="I33" s="17">
        <v>17178</v>
      </c>
      <c r="J33" s="17">
        <v>344629</v>
      </c>
      <c r="K33" s="17">
        <v>227398</v>
      </c>
      <c r="L33" s="17">
        <v>464458</v>
      </c>
      <c r="M33" s="17">
        <v>911302</v>
      </c>
      <c r="N33" s="17">
        <v>560161</v>
      </c>
      <c r="O33" s="17">
        <v>350392</v>
      </c>
      <c r="P33" s="17">
        <v>0</v>
      </c>
      <c r="Q33" s="17">
        <v>0</v>
      </c>
      <c r="R33" s="17">
        <v>749</v>
      </c>
      <c r="S33" s="17">
        <v>0</v>
      </c>
      <c r="T33" s="17">
        <v>0</v>
      </c>
      <c r="U33" s="17">
        <v>0</v>
      </c>
      <c r="V33" s="17">
        <v>0</v>
      </c>
      <c r="W33" s="17">
        <v>0</v>
      </c>
      <c r="X33" s="17">
        <v>0</v>
      </c>
      <c r="Y33" s="17">
        <v>0</v>
      </c>
      <c r="Z33" s="17">
        <v>0</v>
      </c>
      <c r="AA33" s="17">
        <v>0</v>
      </c>
      <c r="AB33" s="17">
        <v>0</v>
      </c>
      <c r="AC33" s="17">
        <v>0</v>
      </c>
      <c r="AD33" s="17">
        <v>0</v>
      </c>
      <c r="AE33" s="17">
        <v>0</v>
      </c>
      <c r="AF33" s="17">
        <v>0</v>
      </c>
      <c r="AG33" s="17">
        <v>571059</v>
      </c>
      <c r="AH33" s="17">
        <v>531904</v>
      </c>
      <c r="AI33" s="17">
        <v>0</v>
      </c>
      <c r="AJ33" s="17">
        <v>7480</v>
      </c>
      <c r="AK33" s="17">
        <v>597711</v>
      </c>
      <c r="AL33" s="17">
        <v>0</v>
      </c>
      <c r="AM33" s="17">
        <v>8174409</v>
      </c>
    </row>
    <row r="34" spans="1:39" s="11" customFormat="1" ht="17.25" customHeight="1">
      <c r="A34" s="5" t="s">
        <v>81</v>
      </c>
      <c r="B34" s="17">
        <v>3351638</v>
      </c>
      <c r="C34" s="17">
        <v>231311</v>
      </c>
      <c r="D34" s="17">
        <v>3726742</v>
      </c>
      <c r="E34" s="17">
        <v>226598</v>
      </c>
      <c r="F34" s="17">
        <v>641845</v>
      </c>
      <c r="G34" s="17">
        <v>812259</v>
      </c>
      <c r="H34" s="17">
        <v>12798</v>
      </c>
      <c r="I34" s="17">
        <v>12133</v>
      </c>
      <c r="J34" s="17">
        <v>83964</v>
      </c>
      <c r="K34" s="17">
        <v>70000</v>
      </c>
      <c r="L34" s="17">
        <v>633364</v>
      </c>
      <c r="M34" s="17">
        <v>2365895</v>
      </c>
      <c r="N34" s="17">
        <v>873272</v>
      </c>
      <c r="O34" s="17">
        <v>1492623</v>
      </c>
      <c r="P34" s="17">
        <v>0</v>
      </c>
      <c r="Q34" s="17">
        <v>0</v>
      </c>
      <c r="R34" s="17">
        <v>0</v>
      </c>
      <c r="S34" s="17">
        <v>0</v>
      </c>
      <c r="T34" s="17">
        <v>0</v>
      </c>
      <c r="U34" s="17">
        <v>0</v>
      </c>
      <c r="V34" s="17">
        <v>0</v>
      </c>
      <c r="W34" s="17">
        <v>0</v>
      </c>
      <c r="X34" s="17">
        <v>0</v>
      </c>
      <c r="Y34" s="17">
        <v>0</v>
      </c>
      <c r="Z34" s="17">
        <v>0</v>
      </c>
      <c r="AA34" s="17">
        <v>0</v>
      </c>
      <c r="AB34" s="17">
        <v>0</v>
      </c>
      <c r="AC34" s="17">
        <v>0</v>
      </c>
      <c r="AD34" s="17">
        <v>0</v>
      </c>
      <c r="AE34" s="17">
        <v>0</v>
      </c>
      <c r="AF34" s="17">
        <v>0</v>
      </c>
      <c r="AG34" s="17">
        <v>860633</v>
      </c>
      <c r="AH34" s="17">
        <v>1438239</v>
      </c>
      <c r="AI34" s="17">
        <v>0</v>
      </c>
      <c r="AJ34" s="17">
        <v>120315</v>
      </c>
      <c r="AK34" s="17">
        <v>564639</v>
      </c>
      <c r="AL34" s="17">
        <v>0</v>
      </c>
      <c r="AM34" s="17">
        <v>14108803</v>
      </c>
    </row>
    <row r="35" spans="1:39" s="11" customFormat="1" ht="17.25" customHeight="1">
      <c r="A35" s="5" t="s">
        <v>82</v>
      </c>
      <c r="B35" s="17">
        <v>850121</v>
      </c>
      <c r="C35" s="17">
        <v>53062</v>
      </c>
      <c r="D35" s="17">
        <v>537970</v>
      </c>
      <c r="E35" s="17">
        <v>19781</v>
      </c>
      <c r="F35" s="17">
        <v>491675</v>
      </c>
      <c r="G35" s="17">
        <v>879848</v>
      </c>
      <c r="H35" s="17">
        <v>9479</v>
      </c>
      <c r="I35" s="17">
        <v>34415</v>
      </c>
      <c r="J35" s="17">
        <v>208750</v>
      </c>
      <c r="K35" s="17">
        <v>294797</v>
      </c>
      <c r="L35" s="17">
        <v>332407</v>
      </c>
      <c r="M35" s="17">
        <v>53453</v>
      </c>
      <c r="N35" s="17">
        <v>17402</v>
      </c>
      <c r="O35" s="17">
        <v>21070</v>
      </c>
      <c r="P35" s="17">
        <v>0</v>
      </c>
      <c r="Q35" s="17">
        <v>14850</v>
      </c>
      <c r="R35" s="17">
        <v>131</v>
      </c>
      <c r="S35" s="17">
        <v>0</v>
      </c>
      <c r="T35" s="17">
        <v>0</v>
      </c>
      <c r="U35" s="17">
        <v>0</v>
      </c>
      <c r="V35" s="17">
        <v>0</v>
      </c>
      <c r="W35" s="17">
        <v>0</v>
      </c>
      <c r="X35" s="17">
        <v>0</v>
      </c>
      <c r="Y35" s="17">
        <v>0</v>
      </c>
      <c r="Z35" s="17">
        <v>0</v>
      </c>
      <c r="AA35" s="17">
        <v>0</v>
      </c>
      <c r="AB35" s="17">
        <v>0</v>
      </c>
      <c r="AC35" s="17">
        <v>0</v>
      </c>
      <c r="AD35" s="17">
        <v>0</v>
      </c>
      <c r="AE35" s="17">
        <v>0</v>
      </c>
      <c r="AF35" s="17">
        <v>0</v>
      </c>
      <c r="AG35" s="17">
        <v>423323</v>
      </c>
      <c r="AH35" s="17">
        <v>181680</v>
      </c>
      <c r="AI35" s="17">
        <v>0</v>
      </c>
      <c r="AJ35" s="17">
        <v>0</v>
      </c>
      <c r="AK35" s="17">
        <v>492271</v>
      </c>
      <c r="AL35" s="17">
        <v>0</v>
      </c>
      <c r="AM35" s="17">
        <v>3930122</v>
      </c>
    </row>
    <row r="36" spans="1:39" s="11" customFormat="1" ht="17.25" customHeight="1">
      <c r="A36" s="5" t="s">
        <v>83</v>
      </c>
      <c r="B36" s="17">
        <v>2479731</v>
      </c>
      <c r="C36" s="17">
        <v>162702</v>
      </c>
      <c r="D36" s="17">
        <v>2024371</v>
      </c>
      <c r="E36" s="17">
        <v>50003</v>
      </c>
      <c r="F36" s="17">
        <v>1294016</v>
      </c>
      <c r="G36" s="17">
        <v>1735836</v>
      </c>
      <c r="H36" s="17">
        <v>17407</v>
      </c>
      <c r="I36" s="17">
        <v>2165</v>
      </c>
      <c r="J36" s="17">
        <v>37066</v>
      </c>
      <c r="K36" s="17">
        <v>919591</v>
      </c>
      <c r="L36" s="17">
        <v>759607</v>
      </c>
      <c r="M36" s="17">
        <v>273759</v>
      </c>
      <c r="N36" s="17">
        <v>64645</v>
      </c>
      <c r="O36" s="17">
        <v>191891</v>
      </c>
      <c r="P36" s="17">
        <v>0</v>
      </c>
      <c r="Q36" s="17">
        <v>15913</v>
      </c>
      <c r="R36" s="17">
        <v>1310</v>
      </c>
      <c r="S36" s="17">
        <v>0</v>
      </c>
      <c r="T36" s="17">
        <v>0</v>
      </c>
      <c r="U36" s="17">
        <v>0</v>
      </c>
      <c r="V36" s="17">
        <v>72637</v>
      </c>
      <c r="W36" s="17">
        <v>5136</v>
      </c>
      <c r="X36" s="17">
        <v>67501</v>
      </c>
      <c r="Y36" s="17">
        <v>0</v>
      </c>
      <c r="Z36" s="17">
        <v>0</v>
      </c>
      <c r="AA36" s="17">
        <v>0</v>
      </c>
      <c r="AB36" s="17">
        <v>0</v>
      </c>
      <c r="AC36" s="17">
        <v>0</v>
      </c>
      <c r="AD36" s="17">
        <v>0</v>
      </c>
      <c r="AE36" s="17">
        <v>0</v>
      </c>
      <c r="AF36" s="17">
        <v>0</v>
      </c>
      <c r="AG36" s="17">
        <v>878635</v>
      </c>
      <c r="AH36" s="17">
        <v>1093031</v>
      </c>
      <c r="AI36" s="17">
        <v>0</v>
      </c>
      <c r="AJ36" s="17">
        <v>0</v>
      </c>
      <c r="AK36" s="17">
        <v>1149778</v>
      </c>
      <c r="AL36" s="17">
        <v>0</v>
      </c>
      <c r="AM36" s="17">
        <v>11051797</v>
      </c>
    </row>
    <row r="37" spans="1:39" s="11" customFormat="1" ht="17.25" customHeight="1">
      <c r="A37" s="5" t="s">
        <v>84</v>
      </c>
      <c r="B37" s="17">
        <v>3745042</v>
      </c>
      <c r="C37" s="17">
        <v>216866</v>
      </c>
      <c r="D37" s="17">
        <v>2464442</v>
      </c>
      <c r="E37" s="17">
        <v>71489</v>
      </c>
      <c r="F37" s="17">
        <v>3593031</v>
      </c>
      <c r="G37" s="17">
        <v>1282883</v>
      </c>
      <c r="H37" s="17">
        <v>65809</v>
      </c>
      <c r="I37" s="17">
        <v>7427</v>
      </c>
      <c r="J37" s="17">
        <v>184909</v>
      </c>
      <c r="K37" s="17">
        <v>192386</v>
      </c>
      <c r="L37" s="17">
        <v>832352</v>
      </c>
      <c r="M37" s="17">
        <v>869934</v>
      </c>
      <c r="N37" s="17">
        <v>168657</v>
      </c>
      <c r="O37" s="17">
        <v>691277</v>
      </c>
      <c r="P37" s="17">
        <v>0</v>
      </c>
      <c r="Q37" s="17">
        <v>10000</v>
      </c>
      <c r="R37" s="17">
        <v>0</v>
      </c>
      <c r="S37" s="17">
        <v>0</v>
      </c>
      <c r="T37" s="17">
        <v>0</v>
      </c>
      <c r="U37" s="17">
        <v>0</v>
      </c>
      <c r="V37" s="17">
        <v>3313</v>
      </c>
      <c r="W37" s="17">
        <v>0</v>
      </c>
      <c r="X37" s="17">
        <v>3313</v>
      </c>
      <c r="Y37" s="17">
        <v>0</v>
      </c>
      <c r="Z37" s="17">
        <v>0</v>
      </c>
      <c r="AA37" s="17">
        <v>0</v>
      </c>
      <c r="AB37" s="17">
        <v>0</v>
      </c>
      <c r="AC37" s="17">
        <v>0</v>
      </c>
      <c r="AD37" s="17">
        <v>0</v>
      </c>
      <c r="AE37" s="17">
        <v>0</v>
      </c>
      <c r="AF37" s="17">
        <v>0</v>
      </c>
      <c r="AG37" s="17">
        <v>798943</v>
      </c>
      <c r="AH37" s="17">
        <v>443098</v>
      </c>
      <c r="AI37" s="17">
        <v>135480</v>
      </c>
      <c r="AJ37" s="17">
        <v>179631</v>
      </c>
      <c r="AK37" s="17">
        <v>1542238</v>
      </c>
      <c r="AL37" s="17">
        <v>0</v>
      </c>
      <c r="AM37" s="17">
        <v>15129524</v>
      </c>
    </row>
    <row r="38" spans="1:39" ht="17.25" customHeight="1">
      <c r="A38" s="6" t="s">
        <v>85</v>
      </c>
      <c r="B38" s="18">
        <v>710263</v>
      </c>
      <c r="C38" s="18">
        <v>39121</v>
      </c>
      <c r="D38" s="18">
        <v>454711</v>
      </c>
      <c r="E38" s="18">
        <v>16021</v>
      </c>
      <c r="F38" s="18">
        <v>171628</v>
      </c>
      <c r="G38" s="18">
        <v>656181</v>
      </c>
      <c r="H38" s="18">
        <v>12903</v>
      </c>
      <c r="I38" s="18">
        <v>12135</v>
      </c>
      <c r="J38" s="18">
        <v>229986</v>
      </c>
      <c r="K38" s="18">
        <v>62271</v>
      </c>
      <c r="L38" s="18">
        <v>338886</v>
      </c>
      <c r="M38" s="18">
        <v>292016</v>
      </c>
      <c r="N38" s="18">
        <v>1000</v>
      </c>
      <c r="O38" s="18">
        <v>291016</v>
      </c>
      <c r="P38" s="18">
        <v>0</v>
      </c>
      <c r="Q38" s="18">
        <v>0</v>
      </c>
      <c r="R38" s="18">
        <v>0</v>
      </c>
      <c r="S38" s="18">
        <v>0</v>
      </c>
      <c r="T38" s="18">
        <v>0</v>
      </c>
      <c r="U38" s="18">
        <v>0</v>
      </c>
      <c r="V38" s="18">
        <v>0</v>
      </c>
      <c r="W38" s="18">
        <v>0</v>
      </c>
      <c r="X38" s="18">
        <v>0</v>
      </c>
      <c r="Y38" s="18">
        <v>0</v>
      </c>
      <c r="Z38" s="18">
        <v>0</v>
      </c>
      <c r="AA38" s="18">
        <v>0</v>
      </c>
      <c r="AB38" s="18">
        <v>0</v>
      </c>
      <c r="AC38" s="18">
        <v>0</v>
      </c>
      <c r="AD38" s="18">
        <v>0</v>
      </c>
      <c r="AE38" s="18">
        <v>0</v>
      </c>
      <c r="AF38" s="18">
        <v>0</v>
      </c>
      <c r="AG38" s="18">
        <v>62720</v>
      </c>
      <c r="AH38" s="18">
        <v>265194</v>
      </c>
      <c r="AI38" s="18">
        <v>0</v>
      </c>
      <c r="AJ38" s="18">
        <v>6000</v>
      </c>
      <c r="AK38" s="18">
        <v>123557</v>
      </c>
      <c r="AL38" s="18">
        <v>0</v>
      </c>
      <c r="AM38" s="18">
        <v>2758291</v>
      </c>
    </row>
    <row r="39" spans="1:39" ht="17.25" customHeight="1">
      <c r="A39" s="7" t="s">
        <v>86</v>
      </c>
      <c r="B39" s="19">
        <v>864423536</v>
      </c>
      <c r="C39" s="19">
        <v>49687106</v>
      </c>
      <c r="D39" s="19">
        <v>586994972</v>
      </c>
      <c r="E39" s="19">
        <v>29824101</v>
      </c>
      <c r="F39" s="19">
        <v>1383245556</v>
      </c>
      <c r="G39" s="19">
        <v>325100472</v>
      </c>
      <c r="H39" s="19">
        <v>24475574</v>
      </c>
      <c r="I39" s="19">
        <v>2355838</v>
      </c>
      <c r="J39" s="19">
        <v>6102774</v>
      </c>
      <c r="K39" s="19">
        <v>8281239</v>
      </c>
      <c r="L39" s="19">
        <v>283885047</v>
      </c>
      <c r="M39" s="19">
        <v>447950891</v>
      </c>
      <c r="N39" s="19">
        <v>151217643</v>
      </c>
      <c r="O39" s="19">
        <v>273743893</v>
      </c>
      <c r="P39" s="19">
        <v>18941288</v>
      </c>
      <c r="Q39" s="19">
        <v>2211031</v>
      </c>
      <c r="R39" s="19">
        <v>1819116</v>
      </c>
      <c r="S39" s="19">
        <v>17920</v>
      </c>
      <c r="T39" s="19">
        <v>0</v>
      </c>
      <c r="U39" s="19">
        <v>17920</v>
      </c>
      <c r="V39" s="19">
        <v>1027872</v>
      </c>
      <c r="W39" s="19">
        <v>132733</v>
      </c>
      <c r="X39" s="19">
        <v>895139</v>
      </c>
      <c r="Y39" s="19">
        <v>0</v>
      </c>
      <c r="Z39" s="19">
        <v>0</v>
      </c>
      <c r="AA39" s="19">
        <v>0</v>
      </c>
      <c r="AB39" s="19">
        <v>0</v>
      </c>
      <c r="AC39" s="19">
        <v>0</v>
      </c>
      <c r="AD39" s="19">
        <v>0</v>
      </c>
      <c r="AE39" s="19">
        <v>0</v>
      </c>
      <c r="AF39" s="19">
        <v>0</v>
      </c>
      <c r="AG39" s="19">
        <v>387165462</v>
      </c>
      <c r="AH39" s="19">
        <v>72521306</v>
      </c>
      <c r="AI39" s="19">
        <v>9891037</v>
      </c>
      <c r="AJ39" s="19">
        <v>123925845</v>
      </c>
      <c r="AK39" s="19">
        <v>309108981</v>
      </c>
      <c r="AL39" s="19">
        <v>0</v>
      </c>
      <c r="AM39" s="19">
        <v>4541180031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６年度市町村普通会計決算状況
 （３）イ　歳出（性質別）［&amp;P/&amp;N］&amp;R&amp;"ＭＳ ゴシック,標準"&amp;10
（単位：千円）</oddHeader>
  </headerFooter>
  <colBreaks count="5" manualBreakCount="5">
    <brk id="8" max="43" man="1"/>
    <brk id="15" max="43" man="1"/>
    <brk id="22" max="43" man="1"/>
    <brk id="29" max="43" man="1"/>
    <brk id="36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13-1</vt:lpstr>
      <vt:lpstr>13-2</vt:lpstr>
      <vt:lpstr>'13-1'!Print_Area</vt:lpstr>
      <vt:lpstr>'13-2'!Print_Area</vt:lpstr>
      <vt:lpstr>'13-1'!Print_Titles</vt:lpstr>
      <vt:lpstr>'13-2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5-05-13T04:38:01Z</cp:lastPrinted>
  <dcterms:created xsi:type="dcterms:W3CDTF">2013-03-18T10:11:53Z</dcterms:created>
  <dcterms:modified xsi:type="dcterms:W3CDTF">2026-02-26T01:18:25Z</dcterms:modified>
</cp:coreProperties>
</file>